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codeName="ThisWorkbook" defaultThemeVersion="164011"/>
  <bookViews>
    <workbookView xWindow="0" yWindow="0" windowWidth="20490" windowHeight="7635"/>
  </bookViews>
  <sheets>
    <sheet name="様式4付属資料①" sheetId="4" r:id="rId1"/>
  </sheets>
  <externalReferences>
    <externalReference r:id="rId2"/>
    <externalReference r:id="rId3"/>
  </externalReferences>
  <definedNames>
    <definedName name="①1">#REF!</definedName>
    <definedName name="①2">#REF!</definedName>
    <definedName name="②1">#REF!</definedName>
    <definedName name="②2">#REF!</definedName>
    <definedName name="③1">#REF!</definedName>
    <definedName name="③2">#REF!</definedName>
    <definedName name="④1">#REF!</definedName>
    <definedName name="④2">#REF!</definedName>
    <definedName name="⑥1">#REF!</definedName>
    <definedName name="a">#REF!</definedName>
    <definedName name="b">#REF!</definedName>
    <definedName name="d">#REF!</definedName>
    <definedName name="_xlnm.Print_Area" localSheetId="0">様式4付属資料①!$A$1:$BB$36</definedName>
    <definedName name="rrr">'[1]様式16（見直しチェックシート）'!$U$53:$V$53</definedName>
    <definedName name="分類">'[2]様式17(見直し一覧)'!$A$38:$A$47</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N36" i="4" l="1"/>
  <c r="AE36" i="4"/>
</calcChain>
</file>

<file path=xl/sharedStrings.xml><?xml version="1.0" encoding="utf-8"?>
<sst xmlns="http://schemas.openxmlformats.org/spreadsheetml/2006/main" count="17" uniqueCount="17">
  <si>
    <t>事業の通し番号</t>
    <rPh sb="0" eb="2">
      <t>ジギョウ</t>
    </rPh>
    <rPh sb="3" eb="4">
      <t>トオ</t>
    </rPh>
    <rPh sb="5" eb="7">
      <t>バンゴウ</t>
    </rPh>
    <phoneticPr fontId="4"/>
  </si>
  <si>
    <t>事業名</t>
    <rPh sb="0" eb="2">
      <t>ジギョウ</t>
    </rPh>
    <rPh sb="2" eb="3">
      <t>メイ</t>
    </rPh>
    <phoneticPr fontId="4"/>
  </si>
  <si>
    <t>合計</t>
    <rPh sb="0" eb="2">
      <t>ゴウケイ</t>
    </rPh>
    <phoneticPr fontId="4"/>
  </si>
  <si>
    <t>事業内容</t>
    <rPh sb="0" eb="2">
      <t>ジギョウ</t>
    </rPh>
    <rPh sb="2" eb="4">
      <t>ナイヨウ</t>
    </rPh>
    <phoneticPr fontId="4"/>
  </si>
  <si>
    <t>事業概要説明資料</t>
    <rPh sb="0" eb="2">
      <t>ジギョウ</t>
    </rPh>
    <rPh sb="2" eb="4">
      <t>ガイヨウ</t>
    </rPh>
    <rPh sb="4" eb="6">
      <t>セツメイ</t>
    </rPh>
    <rPh sb="6" eb="8">
      <t>シリョウ</t>
    </rPh>
    <phoneticPr fontId="4"/>
  </si>
  <si>
    <t>（様式4付属資料①）</t>
    <rPh sb="1" eb="3">
      <t>ヨウシキ</t>
    </rPh>
    <rPh sb="4" eb="6">
      <t>フゾク</t>
    </rPh>
    <rPh sb="6" eb="8">
      <t>シリョウ</t>
    </rPh>
    <phoneticPr fontId="4"/>
  </si>
  <si>
    <t>〔事業目的〕</t>
    <rPh sb="1" eb="3">
      <t>ジギョウ</t>
    </rPh>
    <rPh sb="3" eb="5">
      <t>モクテキ</t>
    </rPh>
    <phoneticPr fontId="4"/>
  </si>
  <si>
    <t>〔事業内容・金額〕</t>
    <rPh sb="1" eb="3">
      <t>ジギョウ</t>
    </rPh>
    <rPh sb="3" eb="5">
      <t>ナイヨウ</t>
    </rPh>
    <rPh sb="6" eb="8">
      <t>キンガク</t>
    </rPh>
    <phoneticPr fontId="4"/>
  </si>
  <si>
    <t>（単位：千円）</t>
    <rPh sb="1" eb="3">
      <t>タンイ</t>
    </rPh>
    <rPh sb="4" eb="6">
      <t>センエン</t>
    </rPh>
    <phoneticPr fontId="4"/>
  </si>
  <si>
    <t>2年度当初</t>
    <rPh sb="1" eb="3">
      <t>ネンド</t>
    </rPh>
    <rPh sb="3" eb="5">
      <t>トウショ</t>
    </rPh>
    <phoneticPr fontId="4"/>
  </si>
  <si>
    <t>3年度算定</t>
  </si>
  <si>
    <t>備　考</t>
    <rPh sb="0" eb="1">
      <t>ビン</t>
    </rPh>
    <rPh sb="2" eb="3">
      <t>コウ</t>
    </rPh>
    <phoneticPr fontId="4"/>
  </si>
  <si>
    <t>・</t>
    <phoneticPr fontId="4"/>
  </si>
  <si>
    <t>所属名　浪速区役所　</t>
    <rPh sb="0" eb="1">
      <t>ショ</t>
    </rPh>
    <rPh sb="1" eb="2">
      <t>ゾク</t>
    </rPh>
    <rPh sb="2" eb="3">
      <t>メイ</t>
    </rPh>
    <rPh sb="4" eb="6">
      <t>ナニワ</t>
    </rPh>
    <rPh sb="6" eb="7">
      <t>ク</t>
    </rPh>
    <rPh sb="7" eb="9">
      <t>ヤクショ</t>
    </rPh>
    <phoneticPr fontId="3"/>
  </si>
  <si>
    <t>緑化推進支援事業</t>
    <rPh sb="0" eb="8">
      <t>リョクカスイシンシエンジギョウ</t>
    </rPh>
    <phoneticPr fontId="2"/>
  </si>
  <si>
    <t>　緑化推進ボランティアによる区内の緑化推進のため、植物の苗を種から育て公共施設等に植え付け管理する運動を支援するとともに、様々な施設への植物の設置を促進し、花と緑があふれるまちづくりを進める。
　それと同時に、幅広い世代にボランティアを募り、この活動を区内全域に広めることで、地域の活性化とコミュニティの醸成を図る。
　本事業を通じて、住民の居住地域への愛着を促し、まちの美観意識向上による環境美化をめざす。</t>
    <phoneticPr fontId="2"/>
  </si>
  <si>
    <t>栽培用消耗品等</t>
    <rPh sb="0" eb="3">
      <t>サイバイヨウ</t>
    </rPh>
    <rPh sb="3" eb="5">
      <t>ショウモウ</t>
    </rPh>
    <rPh sb="5" eb="6">
      <t>ヒン</t>
    </rPh>
    <rPh sb="6" eb="7">
      <t>ト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quot;△ &quot;#,##0"/>
    <numFmt numFmtId="177" formatCode="\(#,##0\)_);\(#,##0\)"/>
  </numFmts>
  <fonts count="11">
    <font>
      <sz val="11"/>
      <color theme="1"/>
      <name val="ＭＳ Ｐゴシック"/>
      <family val="2"/>
      <charset val="128"/>
    </font>
    <font>
      <sz val="10.5"/>
      <name val="明朝体"/>
      <family val="3"/>
      <charset val="128"/>
    </font>
    <font>
      <sz val="6"/>
      <name val="ＭＳ Ｐゴシック"/>
      <family val="2"/>
      <charset val="128"/>
    </font>
    <font>
      <sz val="6"/>
      <name val="明朝体"/>
      <family val="3"/>
      <charset val="128"/>
    </font>
    <font>
      <sz val="6"/>
      <name val="ＭＳ Ｐゴシック"/>
      <family val="3"/>
      <charset val="128"/>
    </font>
    <font>
      <sz val="11"/>
      <name val="ＭＳ Ｐゴシック"/>
      <family val="3"/>
      <charset val="128"/>
    </font>
    <font>
      <b/>
      <sz val="12"/>
      <name val="ＭＳ Ｐゴシック"/>
      <family val="3"/>
      <charset val="128"/>
    </font>
    <font>
      <sz val="10.5"/>
      <name val="ＭＳ Ｐゴシック"/>
      <family val="3"/>
      <charset val="128"/>
    </font>
    <font>
      <u/>
      <sz val="10.5"/>
      <name val="ＭＳ Ｐゴシック"/>
      <family val="3"/>
      <charset val="128"/>
    </font>
    <font>
      <sz val="10"/>
      <color theme="0"/>
      <name val="ＭＳ Ｐゴシック"/>
      <family val="3"/>
      <charset val="128"/>
    </font>
    <font>
      <sz val="12"/>
      <name val="ＭＳ Ｐゴシック"/>
      <family val="3"/>
      <charset val="128"/>
    </font>
  </fonts>
  <fills count="2">
    <fill>
      <patternFill patternType="none"/>
    </fill>
    <fill>
      <patternFill patternType="gray125"/>
    </fill>
  </fills>
  <borders count="38">
    <border>
      <left/>
      <right/>
      <top/>
      <bottom/>
      <diagonal/>
    </border>
    <border>
      <left/>
      <right/>
      <top/>
      <bottom style="thin">
        <color indexed="64"/>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top style="thin">
        <color indexed="64"/>
      </top>
      <bottom/>
      <diagonal/>
    </border>
    <border>
      <left/>
      <right style="medium">
        <color indexed="64"/>
      </right>
      <top/>
      <bottom/>
      <diagonal/>
    </border>
    <border>
      <left style="thin">
        <color indexed="64"/>
      </left>
      <right/>
      <top/>
      <bottom style="thin">
        <color indexed="64"/>
      </bottom>
      <diagonal/>
    </border>
    <border>
      <left/>
      <right style="medium">
        <color indexed="64"/>
      </right>
      <top/>
      <bottom style="thin">
        <color indexed="64"/>
      </bottom>
      <diagonal/>
    </border>
    <border>
      <left style="medium">
        <color indexed="64"/>
      </left>
      <right/>
      <top/>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bottom style="medium">
        <color indexed="64"/>
      </bottom>
      <diagonal/>
    </border>
    <border>
      <left/>
      <right style="medium">
        <color indexed="64"/>
      </right>
      <top/>
      <bottom style="medium">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medium">
        <color indexed="64"/>
      </right>
      <top style="medium">
        <color indexed="64"/>
      </top>
      <bottom/>
      <diagonal/>
    </border>
    <border>
      <left style="medium">
        <color indexed="64"/>
      </left>
      <right/>
      <top/>
      <bottom style="medium">
        <color indexed="64"/>
      </bottom>
      <diagonal/>
    </border>
    <border>
      <left style="medium">
        <color indexed="64"/>
      </left>
      <right/>
      <top style="thin">
        <color indexed="64"/>
      </top>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style="medium">
        <color indexed="64"/>
      </right>
      <top style="thin">
        <color indexed="64"/>
      </top>
      <bottom/>
      <diagonal/>
    </border>
    <border>
      <left style="medium">
        <color indexed="64"/>
      </left>
      <right/>
      <top style="double">
        <color indexed="64"/>
      </top>
      <bottom style="medium">
        <color indexed="64"/>
      </bottom>
      <diagonal/>
    </border>
    <border>
      <left/>
      <right/>
      <top style="double">
        <color indexed="64"/>
      </top>
      <bottom style="medium">
        <color indexed="64"/>
      </bottom>
      <diagonal/>
    </border>
    <border>
      <left/>
      <right style="thin">
        <color indexed="64"/>
      </right>
      <top style="double">
        <color indexed="64"/>
      </top>
      <bottom style="medium">
        <color indexed="64"/>
      </bottom>
      <diagonal/>
    </border>
    <border>
      <left style="thin">
        <color indexed="64"/>
      </left>
      <right/>
      <top style="double">
        <color indexed="64"/>
      </top>
      <bottom style="medium">
        <color indexed="64"/>
      </bottom>
      <diagonal/>
    </border>
    <border>
      <left/>
      <right style="medium">
        <color indexed="64"/>
      </right>
      <top style="double">
        <color indexed="64"/>
      </top>
      <bottom style="medium">
        <color indexed="64"/>
      </bottom>
      <diagonal/>
    </border>
  </borders>
  <cellStyleXfs count="6">
    <xf numFmtId="0" fontId="0" fillId="0" borderId="0">
      <alignment vertical="center"/>
    </xf>
    <xf numFmtId="0" fontId="5" fillId="0" borderId="0"/>
    <xf numFmtId="0" fontId="1" fillId="0" borderId="0"/>
    <xf numFmtId="38" fontId="5" fillId="0" borderId="0" applyFont="0" applyFill="0" applyBorder="0" applyAlignment="0" applyProtection="0"/>
    <xf numFmtId="0" fontId="1" fillId="0" borderId="0"/>
    <xf numFmtId="0" fontId="5" fillId="0" borderId="0"/>
  </cellStyleXfs>
  <cellXfs count="89">
    <xf numFmtId="0" fontId="0" fillId="0" borderId="0" xfId="0">
      <alignment vertical="center"/>
    </xf>
    <xf numFmtId="0" fontId="6" fillId="0" borderId="0" xfId="1" applyFont="1" applyFill="1"/>
    <xf numFmtId="0" fontId="7" fillId="0" borderId="0" xfId="1" applyFont="1" applyFill="1"/>
    <xf numFmtId="0" fontId="7" fillId="0" borderId="0" xfId="2" applyNumberFormat="1" applyFont="1" applyFill="1" applyAlignment="1">
      <alignment horizontal="right" vertical="center"/>
    </xf>
    <xf numFmtId="0" fontId="7" fillId="0" borderId="0" xfId="1" applyFont="1" applyFill="1" applyAlignment="1">
      <alignment horizontal="right"/>
    </xf>
    <xf numFmtId="0" fontId="7" fillId="0" borderId="0" xfId="1" applyFont="1" applyFill="1" applyBorder="1"/>
    <xf numFmtId="0" fontId="8" fillId="0" borderId="0" xfId="2" applyNumberFormat="1" applyFont="1" applyFill="1" applyAlignment="1">
      <alignment horizontal="left" vertical="center"/>
    </xf>
    <xf numFmtId="0" fontId="8" fillId="0" borderId="0" xfId="2" applyNumberFormat="1" applyFont="1" applyFill="1" applyAlignment="1">
      <alignment horizontal="right" vertical="center"/>
    </xf>
    <xf numFmtId="0" fontId="9" fillId="0" borderId="0" xfId="4" applyFont="1" applyFill="1" applyBorder="1" applyAlignment="1">
      <alignment horizontal="center" vertical="center"/>
    </xf>
    <xf numFmtId="0" fontId="7" fillId="0" borderId="3" xfId="1" applyFont="1" applyFill="1" applyBorder="1" applyAlignment="1">
      <alignment horizontal="left" vertical="center"/>
    </xf>
    <xf numFmtId="0" fontId="10" fillId="0" borderId="3" xfId="1" applyFont="1" applyFill="1" applyBorder="1" applyAlignment="1">
      <alignment vertical="center"/>
    </xf>
    <xf numFmtId="0" fontId="10" fillId="0" borderId="3" xfId="1" applyFont="1" applyFill="1" applyBorder="1" applyAlignment="1">
      <alignment horizontal="left" vertical="center"/>
    </xf>
    <xf numFmtId="0" fontId="5" fillId="0" borderId="0" xfId="1" applyFont="1" applyFill="1" applyBorder="1" applyAlignment="1">
      <alignment horizontal="left" vertical="center"/>
    </xf>
    <xf numFmtId="0" fontId="10" fillId="0" borderId="0" xfId="1" applyFont="1" applyFill="1" applyBorder="1" applyAlignment="1">
      <alignment horizontal="left" vertical="center"/>
    </xf>
    <xf numFmtId="0" fontId="7" fillId="0" borderId="0" xfId="1" applyFont="1" applyFill="1" applyBorder="1" applyAlignment="1">
      <alignment horizontal="left" vertical="center"/>
    </xf>
    <xf numFmtId="0" fontId="10" fillId="0" borderId="0" xfId="1" applyFont="1" applyFill="1" applyBorder="1" applyAlignment="1">
      <alignment vertical="center"/>
    </xf>
    <xf numFmtId="0" fontId="7" fillId="0" borderId="2" xfId="1" applyFont="1" applyFill="1" applyBorder="1" applyAlignment="1">
      <alignment horizontal="left" vertical="center"/>
    </xf>
    <xf numFmtId="0" fontId="10" fillId="0" borderId="26" xfId="1" applyFont="1" applyFill="1" applyBorder="1" applyAlignment="1">
      <alignment horizontal="left" vertical="center"/>
    </xf>
    <xf numFmtId="0" fontId="5" fillId="0" borderId="0" xfId="1" applyFont="1"/>
    <xf numFmtId="0" fontId="7" fillId="0" borderId="0" xfId="1" applyFont="1" applyFill="1" applyBorder="1" applyAlignment="1">
      <alignment vertical="center" wrapText="1"/>
    </xf>
    <xf numFmtId="0" fontId="10" fillId="0" borderId="27" xfId="1" applyFont="1" applyFill="1" applyBorder="1" applyAlignment="1">
      <alignment vertical="top" wrapText="1"/>
    </xf>
    <xf numFmtId="0" fontId="10" fillId="0" borderId="17" xfId="1" applyFont="1" applyFill="1" applyBorder="1" applyAlignment="1">
      <alignment vertical="top" wrapText="1"/>
    </xf>
    <xf numFmtId="0" fontId="10" fillId="0" borderId="18" xfId="1" applyFont="1" applyFill="1" applyBorder="1" applyAlignment="1">
      <alignment vertical="top" wrapText="1"/>
    </xf>
    <xf numFmtId="0" fontId="7" fillId="0" borderId="0" xfId="2" applyNumberFormat="1" applyFont="1" applyFill="1" applyBorder="1" applyAlignment="1">
      <alignment vertical="center"/>
    </xf>
    <xf numFmtId="0" fontId="10" fillId="0" borderId="0" xfId="1" applyFont="1" applyFill="1" applyBorder="1" applyAlignment="1">
      <alignment horizontal="right" vertical="center"/>
    </xf>
    <xf numFmtId="0" fontId="5" fillId="0" borderId="0" xfId="1" applyFont="1" applyFill="1"/>
    <xf numFmtId="0" fontId="5" fillId="0" borderId="0" xfId="1" applyFont="1" applyFill="1" applyAlignment="1">
      <alignment vertical="center"/>
    </xf>
    <xf numFmtId="0" fontId="7" fillId="0" borderId="0" xfId="1" applyFont="1" applyFill="1" applyAlignment="1">
      <alignment vertical="center"/>
    </xf>
    <xf numFmtId="0" fontId="10" fillId="0" borderId="28" xfId="1" applyFont="1" applyFill="1" applyBorder="1" applyAlignment="1">
      <alignment vertical="center"/>
    </xf>
    <xf numFmtId="0" fontId="10" fillId="0" borderId="10" xfId="1" applyFont="1" applyFill="1" applyBorder="1" applyAlignment="1">
      <alignment vertical="center"/>
    </xf>
    <xf numFmtId="177" fontId="10" fillId="0" borderId="10" xfId="1" applyNumberFormat="1" applyFont="1" applyFill="1" applyBorder="1" applyAlignment="1">
      <alignment vertical="center"/>
    </xf>
    <xf numFmtId="0" fontId="10" fillId="0" borderId="19" xfId="1" applyFont="1" applyFill="1" applyBorder="1" applyAlignment="1">
      <alignment vertical="center"/>
    </xf>
    <xf numFmtId="0" fontId="10" fillId="0" borderId="9" xfId="1" applyFont="1" applyFill="1" applyBorder="1" applyAlignment="1">
      <alignment vertical="center"/>
    </xf>
    <xf numFmtId="177" fontId="10" fillId="0" borderId="9" xfId="1" applyNumberFormat="1" applyFont="1" applyFill="1" applyBorder="1" applyAlignment="1">
      <alignment vertical="center"/>
    </xf>
    <xf numFmtId="0" fontId="10" fillId="0" borderId="6" xfId="1" applyFont="1" applyFill="1" applyBorder="1" applyAlignment="1">
      <alignment vertical="center"/>
    </xf>
    <xf numFmtId="0" fontId="10" fillId="0" borderId="1" xfId="1" applyFont="1" applyFill="1" applyBorder="1" applyAlignment="1">
      <alignment vertical="center"/>
    </xf>
    <xf numFmtId="177" fontId="10" fillId="0" borderId="1" xfId="1" applyNumberFormat="1" applyFont="1" applyFill="1" applyBorder="1" applyAlignment="1">
      <alignment vertical="center"/>
    </xf>
    <xf numFmtId="0" fontId="7" fillId="0" borderId="1" xfId="1" applyFont="1" applyFill="1" applyBorder="1"/>
    <xf numFmtId="0" fontId="10" fillId="0" borderId="28" xfId="1" applyFont="1" applyFill="1" applyBorder="1" applyAlignment="1">
      <alignment horizontal="center" vertical="center"/>
    </xf>
    <xf numFmtId="0" fontId="10" fillId="0" borderId="10" xfId="1" applyFont="1" applyFill="1" applyBorder="1" applyAlignment="1">
      <alignment horizontal="center" vertical="center"/>
    </xf>
    <xf numFmtId="0" fontId="5" fillId="0" borderId="0" xfId="1" applyFont="1" applyFill="1" applyBorder="1" applyAlignment="1">
      <alignment vertical="top" wrapText="1"/>
    </xf>
    <xf numFmtId="0" fontId="7" fillId="0" borderId="0" xfId="1" applyFont="1" applyFill="1" applyBorder="1" applyAlignment="1">
      <alignment vertical="top" wrapText="1"/>
    </xf>
    <xf numFmtId="0" fontId="5" fillId="0" borderId="0" xfId="1" applyFont="1" applyFill="1" applyAlignment="1">
      <alignment vertical="top" wrapText="1"/>
    </xf>
    <xf numFmtId="0" fontId="10" fillId="0" borderId="33" xfId="1" applyFont="1" applyFill="1" applyBorder="1" applyAlignment="1">
      <alignment horizontal="center" vertical="center"/>
    </xf>
    <xf numFmtId="0" fontId="5" fillId="0" borderId="34" xfId="1" applyFont="1" applyBorder="1" applyAlignment="1">
      <alignment horizontal="center" vertical="center"/>
    </xf>
    <xf numFmtId="0" fontId="5" fillId="0" borderId="35" xfId="1" applyFont="1" applyBorder="1" applyAlignment="1">
      <alignment horizontal="center" vertical="center"/>
    </xf>
    <xf numFmtId="176" fontId="10" fillId="0" borderId="36" xfId="1" applyNumberFormat="1" applyFont="1" applyFill="1" applyBorder="1" applyAlignment="1">
      <alignment vertical="center"/>
    </xf>
    <xf numFmtId="0" fontId="5" fillId="0" borderId="34" xfId="1" applyFont="1" applyBorder="1" applyAlignment="1">
      <alignment vertical="center"/>
    </xf>
    <xf numFmtId="0" fontId="5" fillId="0" borderId="35" xfId="1" applyFont="1" applyBorder="1" applyAlignment="1">
      <alignment vertical="center"/>
    </xf>
    <xf numFmtId="0" fontId="5" fillId="0" borderId="37" xfId="1" applyFont="1" applyBorder="1" applyAlignment="1">
      <alignment vertical="center"/>
    </xf>
    <xf numFmtId="176" fontId="10" fillId="0" borderId="8" xfId="1" applyNumberFormat="1" applyFont="1" applyFill="1" applyBorder="1" applyAlignment="1">
      <alignment vertical="center"/>
    </xf>
    <xf numFmtId="0" fontId="5" fillId="0" borderId="9" xfId="1" applyFont="1" applyBorder="1" applyAlignment="1"/>
    <xf numFmtId="0" fontId="5" fillId="0" borderId="15" xfId="1" applyFont="1" applyBorder="1" applyAlignment="1"/>
    <xf numFmtId="176" fontId="10" fillId="0" borderId="9" xfId="1" applyNumberFormat="1" applyFont="1" applyFill="1" applyBorder="1" applyAlignment="1">
      <alignment vertical="center"/>
    </xf>
    <xf numFmtId="176" fontId="10" fillId="0" borderId="15" xfId="1" applyNumberFormat="1" applyFont="1" applyFill="1" applyBorder="1" applyAlignment="1">
      <alignment vertical="center"/>
    </xf>
    <xf numFmtId="0" fontId="5" fillId="0" borderId="9" xfId="1" applyFont="1" applyBorder="1" applyAlignment="1">
      <alignment vertical="center"/>
    </xf>
    <xf numFmtId="0" fontId="5" fillId="0" borderId="20" xfId="1" applyFont="1" applyBorder="1" applyAlignment="1">
      <alignment vertical="center"/>
    </xf>
    <xf numFmtId="176" fontId="10" fillId="0" borderId="29" xfId="1" applyNumberFormat="1" applyFont="1" applyFill="1" applyBorder="1" applyAlignment="1">
      <alignment vertical="center"/>
    </xf>
    <xf numFmtId="0" fontId="5" fillId="0" borderId="30" xfId="1" applyFont="1" applyBorder="1" applyAlignment="1">
      <alignment vertical="center"/>
    </xf>
    <xf numFmtId="0" fontId="5" fillId="0" borderId="31" xfId="1" applyFont="1" applyBorder="1" applyAlignment="1">
      <alignment vertical="center"/>
    </xf>
    <xf numFmtId="176" fontId="10" fillId="0" borderId="30" xfId="1" applyNumberFormat="1" applyFont="1" applyFill="1" applyBorder="1" applyAlignment="1">
      <alignment vertical="center"/>
    </xf>
    <xf numFmtId="176" fontId="10" fillId="0" borderId="31" xfId="1" applyNumberFormat="1" applyFont="1" applyFill="1" applyBorder="1" applyAlignment="1">
      <alignment vertical="center"/>
    </xf>
    <xf numFmtId="176" fontId="10" fillId="0" borderId="16" xfId="1" applyNumberFormat="1" applyFont="1" applyFill="1" applyBorder="1" applyAlignment="1">
      <alignment vertical="center"/>
    </xf>
    <xf numFmtId="0" fontId="5" fillId="0" borderId="10" xfId="1" applyFont="1" applyBorder="1" applyAlignment="1">
      <alignment vertical="center"/>
    </xf>
    <xf numFmtId="0" fontId="5" fillId="0" borderId="32" xfId="1" applyFont="1" applyBorder="1" applyAlignment="1">
      <alignment vertical="center"/>
    </xf>
    <xf numFmtId="0" fontId="5" fillId="0" borderId="15" xfId="1" applyFont="1" applyBorder="1" applyAlignment="1">
      <alignment vertical="center"/>
    </xf>
    <xf numFmtId="176" fontId="10" fillId="0" borderId="8" xfId="1" applyNumberFormat="1" applyFont="1" applyFill="1" applyBorder="1" applyAlignment="1">
      <alignment horizontal="center" vertical="center"/>
    </xf>
    <xf numFmtId="0" fontId="5" fillId="0" borderId="9" xfId="1" applyFont="1" applyBorder="1" applyAlignment="1">
      <alignment horizontal="center" vertical="center"/>
    </xf>
    <xf numFmtId="0" fontId="5" fillId="0" borderId="20" xfId="1" applyFont="1" applyBorder="1" applyAlignment="1">
      <alignment horizontal="center" vertical="center"/>
    </xf>
    <xf numFmtId="0" fontId="10" fillId="0" borderId="2" xfId="1" applyFont="1" applyFill="1" applyBorder="1" applyAlignment="1">
      <alignment horizontal="center" vertical="center"/>
    </xf>
    <xf numFmtId="0" fontId="5" fillId="0" borderId="3" xfId="1" applyFont="1" applyBorder="1" applyAlignment="1">
      <alignment horizontal="center" vertical="center"/>
    </xf>
    <xf numFmtId="0" fontId="5" fillId="0" borderId="4" xfId="1" applyFont="1" applyBorder="1" applyAlignment="1">
      <alignment horizontal="center" vertical="center"/>
    </xf>
    <xf numFmtId="0" fontId="5" fillId="0" borderId="6" xfId="1" applyFont="1" applyBorder="1" applyAlignment="1">
      <alignment horizontal="center" vertical="center"/>
    </xf>
    <xf numFmtId="0" fontId="5" fillId="0" borderId="1" xfId="1" applyFont="1" applyBorder="1" applyAlignment="1">
      <alignment horizontal="center" vertical="center"/>
    </xf>
    <xf numFmtId="0" fontId="5" fillId="0" borderId="7" xfId="1" applyFont="1" applyBorder="1" applyAlignment="1">
      <alignment horizontal="center" vertical="center"/>
    </xf>
    <xf numFmtId="176" fontId="10" fillId="0" borderId="5" xfId="1" applyNumberFormat="1" applyFont="1" applyFill="1" applyBorder="1" applyAlignment="1">
      <alignment horizontal="center" vertical="center"/>
    </xf>
    <xf numFmtId="0" fontId="5" fillId="0" borderId="12" xfId="1" applyFont="1" applyBorder="1" applyAlignment="1">
      <alignment horizontal="center" vertical="center"/>
    </xf>
    <xf numFmtId="0" fontId="5" fillId="0" borderId="26" xfId="1" applyFont="1" applyBorder="1" applyAlignment="1">
      <alignment horizontal="center" vertical="center"/>
    </xf>
    <xf numFmtId="0" fontId="5" fillId="0" borderId="13" xfId="1" applyFont="1" applyBorder="1" applyAlignment="1">
      <alignment horizontal="center" vertical="center"/>
    </xf>
    <xf numFmtId="0" fontId="7" fillId="0" borderId="21" xfId="1" applyFont="1" applyFill="1" applyBorder="1" applyAlignment="1">
      <alignment horizontal="left" vertical="center"/>
    </xf>
    <xf numFmtId="0" fontId="7" fillId="0" borderId="22" xfId="1" applyFont="1" applyFill="1" applyBorder="1" applyAlignment="1">
      <alignment horizontal="left" vertical="center"/>
    </xf>
    <xf numFmtId="0" fontId="7" fillId="0" borderId="23" xfId="1" applyFont="1" applyFill="1" applyBorder="1" applyAlignment="1">
      <alignment horizontal="left" vertical="center"/>
    </xf>
    <xf numFmtId="0" fontId="10" fillId="0" borderId="24" xfId="1" applyFont="1" applyFill="1" applyBorder="1" applyAlignment="1">
      <alignment vertical="center"/>
    </xf>
    <xf numFmtId="0" fontId="10" fillId="0" borderId="25" xfId="1" applyFont="1" applyFill="1" applyBorder="1" applyAlignment="1">
      <alignment vertical="center"/>
    </xf>
    <xf numFmtId="0" fontId="10" fillId="0" borderId="24" xfId="1" applyFont="1" applyFill="1" applyBorder="1" applyAlignment="1">
      <alignment horizontal="left" vertical="center"/>
    </xf>
    <xf numFmtId="0" fontId="10" fillId="0" borderId="25" xfId="1" applyFont="1" applyFill="1" applyBorder="1" applyAlignment="1">
      <alignment horizontal="left" vertical="center"/>
    </xf>
    <xf numFmtId="0" fontId="10" fillId="0" borderId="14" xfId="1" applyFont="1" applyFill="1" applyBorder="1" applyAlignment="1">
      <alignment horizontal="left" vertical="top" wrapText="1"/>
    </xf>
    <xf numFmtId="0" fontId="10" fillId="0" borderId="0" xfId="1" applyFont="1" applyFill="1" applyBorder="1" applyAlignment="1">
      <alignment horizontal="left" vertical="top" wrapText="1"/>
    </xf>
    <xf numFmtId="0" fontId="10" fillId="0" borderId="11" xfId="1" applyFont="1" applyFill="1" applyBorder="1" applyAlignment="1">
      <alignment horizontal="left" vertical="top" wrapText="1"/>
    </xf>
  </cellXfs>
  <cellStyles count="6">
    <cellStyle name="桁区切り 2" xfId="3"/>
    <cellStyle name="標準" xfId="0" builtinId="0"/>
    <cellStyle name="標準 2" xfId="1"/>
    <cellStyle name="標準 2 3" xfId="5"/>
    <cellStyle name="標準_③予算事業別調書(目次様式)" xfId="4"/>
    <cellStyle name="標準_④予算事業別調書(本体様式)"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calcChain" Target="calcChain.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APFF001C\OA-tj0008$\&#12518;&#12540;&#12470;&#20316;&#26989;&#29992;&#12501;&#12457;&#12523;&#12480;\da0001&#65288;&#36001;&#21209;&#65319;&#65289;\01_&#20104;&#31639;&#12398;&#12362;&#12375;&#12372;&#12392;\03_&#32113;&#25324;&#25285;&#24403;\R2&#24180;&#24230;&#12398;&#12362;&#20181;&#20107;\R3&#20104;&#31639;\07&#20104;&#31639;&#32232;&#25104;&#36890;&#30693;\&#27096;&#24335;\&#21508;&#25285;&#24403;&#12363;&#12425;\&#12481;&#12455;&#12483;&#12463;&#12471;&#12540;&#12488;&#9733;0903&#20107;&#21209;&#23616;&#25552;&#20986;.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APFF001C\OA-tj0008$\Users\i9753250\AppData\Local\Microsoft\Windows\Temporary%20Internet%20Files\Content.Outlook\1QBG7IYA\&#20104;&#31639;&#32232;&#25104;&#36890;&#30693;&#27096;&#24335;&#65288;&#12481;&#12455;&#12483;&#12463;&#12471;&#12540;&#12488;&#65289;&#65288;&#26368;&#32066;&#29256;&#65289;%2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15～17(提出依頼)"/>
      <sheetName val="様式15(見直し一覧)"/>
      <sheetName val="様式16（見直しチェックシート）"/>
      <sheetName val="チェックシート記載要領"/>
      <sheetName val="見直しポイント"/>
      <sheetName val="様式17(新規補助金概要シート)"/>
      <sheetName val="新規概要シート記載要領"/>
    </sheetNames>
    <sheetDataSet>
      <sheetData sheetId="0"/>
      <sheetData sheetId="1">
        <row r="38">
          <cell r="A38" t="str">
            <v>1-1</v>
          </cell>
        </row>
      </sheetData>
      <sheetData sheetId="2">
        <row r="53">
          <cell r="U53" t="str">
            <v>□</v>
          </cell>
          <cell r="V53" t="str">
            <v>■</v>
          </cell>
        </row>
      </sheetData>
      <sheetData sheetId="3"/>
      <sheetData sheetId="4"/>
      <sheetData sheetId="5"/>
      <sheetData sheetId="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IU54"/>
  <sheetViews>
    <sheetView showGridLines="0" tabSelected="1" view="pageBreakPreview" zoomScaleNormal="100" zoomScaleSheetLayoutView="100" workbookViewId="0"/>
  </sheetViews>
  <sheetFormatPr defaultRowHeight="12.75"/>
  <cols>
    <col min="1" max="115" width="1.625" style="2" customWidth="1"/>
    <col min="116" max="116" width="9" style="2"/>
    <col min="117" max="117" width="11.5" style="5" bestFit="1" customWidth="1"/>
    <col min="118" max="256" width="9" style="2"/>
    <col min="257" max="371" width="1.625" style="2" customWidth="1"/>
    <col min="372" max="372" width="9" style="2"/>
    <col min="373" max="373" width="11.5" style="2" bestFit="1" customWidth="1"/>
    <col min="374" max="512" width="9" style="2"/>
    <col min="513" max="627" width="1.625" style="2" customWidth="1"/>
    <col min="628" max="628" width="9" style="2"/>
    <col min="629" max="629" width="11.5" style="2" bestFit="1" customWidth="1"/>
    <col min="630" max="768" width="9" style="2"/>
    <col min="769" max="883" width="1.625" style="2" customWidth="1"/>
    <col min="884" max="884" width="9" style="2"/>
    <col min="885" max="885" width="11.5" style="2" bestFit="1" customWidth="1"/>
    <col min="886" max="1024" width="9" style="2"/>
    <col min="1025" max="1139" width="1.625" style="2" customWidth="1"/>
    <col min="1140" max="1140" width="9" style="2"/>
    <col min="1141" max="1141" width="11.5" style="2" bestFit="1" customWidth="1"/>
    <col min="1142" max="1280" width="9" style="2"/>
    <col min="1281" max="1395" width="1.625" style="2" customWidth="1"/>
    <col min="1396" max="1396" width="9" style="2"/>
    <col min="1397" max="1397" width="11.5" style="2" bestFit="1" customWidth="1"/>
    <col min="1398" max="1536" width="9" style="2"/>
    <col min="1537" max="1651" width="1.625" style="2" customWidth="1"/>
    <col min="1652" max="1652" width="9" style="2"/>
    <col min="1653" max="1653" width="11.5" style="2" bestFit="1" customWidth="1"/>
    <col min="1654" max="1792" width="9" style="2"/>
    <col min="1793" max="1907" width="1.625" style="2" customWidth="1"/>
    <col min="1908" max="1908" width="9" style="2"/>
    <col min="1909" max="1909" width="11.5" style="2" bestFit="1" customWidth="1"/>
    <col min="1910" max="2048" width="9" style="2"/>
    <col min="2049" max="2163" width="1.625" style="2" customWidth="1"/>
    <col min="2164" max="2164" width="9" style="2"/>
    <col min="2165" max="2165" width="11.5" style="2" bestFit="1" customWidth="1"/>
    <col min="2166" max="2304" width="9" style="2"/>
    <col min="2305" max="2419" width="1.625" style="2" customWidth="1"/>
    <col min="2420" max="2420" width="9" style="2"/>
    <col min="2421" max="2421" width="11.5" style="2" bestFit="1" customWidth="1"/>
    <col min="2422" max="2560" width="9" style="2"/>
    <col min="2561" max="2675" width="1.625" style="2" customWidth="1"/>
    <col min="2676" max="2676" width="9" style="2"/>
    <col min="2677" max="2677" width="11.5" style="2" bestFit="1" customWidth="1"/>
    <col min="2678" max="2816" width="9" style="2"/>
    <col min="2817" max="2931" width="1.625" style="2" customWidth="1"/>
    <col min="2932" max="2932" width="9" style="2"/>
    <col min="2933" max="2933" width="11.5" style="2" bestFit="1" customWidth="1"/>
    <col min="2934" max="3072" width="9" style="2"/>
    <col min="3073" max="3187" width="1.625" style="2" customWidth="1"/>
    <col min="3188" max="3188" width="9" style="2"/>
    <col min="3189" max="3189" width="11.5" style="2" bestFit="1" customWidth="1"/>
    <col min="3190" max="3328" width="9" style="2"/>
    <col min="3329" max="3443" width="1.625" style="2" customWidth="1"/>
    <col min="3444" max="3444" width="9" style="2"/>
    <col min="3445" max="3445" width="11.5" style="2" bestFit="1" customWidth="1"/>
    <col min="3446" max="3584" width="9" style="2"/>
    <col min="3585" max="3699" width="1.625" style="2" customWidth="1"/>
    <col min="3700" max="3700" width="9" style="2"/>
    <col min="3701" max="3701" width="11.5" style="2" bestFit="1" customWidth="1"/>
    <col min="3702" max="3840" width="9" style="2"/>
    <col min="3841" max="3955" width="1.625" style="2" customWidth="1"/>
    <col min="3956" max="3956" width="9" style="2"/>
    <col min="3957" max="3957" width="11.5" style="2" bestFit="1" customWidth="1"/>
    <col min="3958" max="4096" width="9" style="2"/>
    <col min="4097" max="4211" width="1.625" style="2" customWidth="1"/>
    <col min="4212" max="4212" width="9" style="2"/>
    <col min="4213" max="4213" width="11.5" style="2" bestFit="1" customWidth="1"/>
    <col min="4214" max="4352" width="9" style="2"/>
    <col min="4353" max="4467" width="1.625" style="2" customWidth="1"/>
    <col min="4468" max="4468" width="9" style="2"/>
    <col min="4469" max="4469" width="11.5" style="2" bestFit="1" customWidth="1"/>
    <col min="4470" max="4608" width="9" style="2"/>
    <col min="4609" max="4723" width="1.625" style="2" customWidth="1"/>
    <col min="4724" max="4724" width="9" style="2"/>
    <col min="4725" max="4725" width="11.5" style="2" bestFit="1" customWidth="1"/>
    <col min="4726" max="4864" width="9" style="2"/>
    <col min="4865" max="4979" width="1.625" style="2" customWidth="1"/>
    <col min="4980" max="4980" width="9" style="2"/>
    <col min="4981" max="4981" width="11.5" style="2" bestFit="1" customWidth="1"/>
    <col min="4982" max="5120" width="9" style="2"/>
    <col min="5121" max="5235" width="1.625" style="2" customWidth="1"/>
    <col min="5236" max="5236" width="9" style="2"/>
    <col min="5237" max="5237" width="11.5" style="2" bestFit="1" customWidth="1"/>
    <col min="5238" max="5376" width="9" style="2"/>
    <col min="5377" max="5491" width="1.625" style="2" customWidth="1"/>
    <col min="5492" max="5492" width="9" style="2"/>
    <col min="5493" max="5493" width="11.5" style="2" bestFit="1" customWidth="1"/>
    <col min="5494" max="5632" width="9" style="2"/>
    <col min="5633" max="5747" width="1.625" style="2" customWidth="1"/>
    <col min="5748" max="5748" width="9" style="2"/>
    <col min="5749" max="5749" width="11.5" style="2" bestFit="1" customWidth="1"/>
    <col min="5750" max="5888" width="9" style="2"/>
    <col min="5889" max="6003" width="1.625" style="2" customWidth="1"/>
    <col min="6004" max="6004" width="9" style="2"/>
    <col min="6005" max="6005" width="11.5" style="2" bestFit="1" customWidth="1"/>
    <col min="6006" max="6144" width="9" style="2"/>
    <col min="6145" max="6259" width="1.625" style="2" customWidth="1"/>
    <col min="6260" max="6260" width="9" style="2"/>
    <col min="6261" max="6261" width="11.5" style="2" bestFit="1" customWidth="1"/>
    <col min="6262" max="6400" width="9" style="2"/>
    <col min="6401" max="6515" width="1.625" style="2" customWidth="1"/>
    <col min="6516" max="6516" width="9" style="2"/>
    <col min="6517" max="6517" width="11.5" style="2" bestFit="1" customWidth="1"/>
    <col min="6518" max="6656" width="9" style="2"/>
    <col min="6657" max="6771" width="1.625" style="2" customWidth="1"/>
    <col min="6772" max="6772" width="9" style="2"/>
    <col min="6773" max="6773" width="11.5" style="2" bestFit="1" customWidth="1"/>
    <col min="6774" max="6912" width="9" style="2"/>
    <col min="6913" max="7027" width="1.625" style="2" customWidth="1"/>
    <col min="7028" max="7028" width="9" style="2"/>
    <col min="7029" max="7029" width="11.5" style="2" bestFit="1" customWidth="1"/>
    <col min="7030" max="7168" width="9" style="2"/>
    <col min="7169" max="7283" width="1.625" style="2" customWidth="1"/>
    <col min="7284" max="7284" width="9" style="2"/>
    <col min="7285" max="7285" width="11.5" style="2" bestFit="1" customWidth="1"/>
    <col min="7286" max="7424" width="9" style="2"/>
    <col min="7425" max="7539" width="1.625" style="2" customWidth="1"/>
    <col min="7540" max="7540" width="9" style="2"/>
    <col min="7541" max="7541" width="11.5" style="2" bestFit="1" customWidth="1"/>
    <col min="7542" max="7680" width="9" style="2"/>
    <col min="7681" max="7795" width="1.625" style="2" customWidth="1"/>
    <col min="7796" max="7796" width="9" style="2"/>
    <col min="7797" max="7797" width="11.5" style="2" bestFit="1" customWidth="1"/>
    <col min="7798" max="7936" width="9" style="2"/>
    <col min="7937" max="8051" width="1.625" style="2" customWidth="1"/>
    <col min="8052" max="8052" width="9" style="2"/>
    <col min="8053" max="8053" width="11.5" style="2" bestFit="1" customWidth="1"/>
    <col min="8054" max="8192" width="9" style="2"/>
    <col min="8193" max="8307" width="1.625" style="2" customWidth="1"/>
    <col min="8308" max="8308" width="9" style="2"/>
    <col min="8309" max="8309" width="11.5" style="2" bestFit="1" customWidth="1"/>
    <col min="8310" max="8448" width="9" style="2"/>
    <col min="8449" max="8563" width="1.625" style="2" customWidth="1"/>
    <col min="8564" max="8564" width="9" style="2"/>
    <col min="8565" max="8565" width="11.5" style="2" bestFit="1" customWidth="1"/>
    <col min="8566" max="8704" width="9" style="2"/>
    <col min="8705" max="8819" width="1.625" style="2" customWidth="1"/>
    <col min="8820" max="8820" width="9" style="2"/>
    <col min="8821" max="8821" width="11.5" style="2" bestFit="1" customWidth="1"/>
    <col min="8822" max="8960" width="9" style="2"/>
    <col min="8961" max="9075" width="1.625" style="2" customWidth="1"/>
    <col min="9076" max="9076" width="9" style="2"/>
    <col min="9077" max="9077" width="11.5" style="2" bestFit="1" customWidth="1"/>
    <col min="9078" max="9216" width="9" style="2"/>
    <col min="9217" max="9331" width="1.625" style="2" customWidth="1"/>
    <col min="9332" max="9332" width="9" style="2"/>
    <col min="9333" max="9333" width="11.5" style="2" bestFit="1" customWidth="1"/>
    <col min="9334" max="9472" width="9" style="2"/>
    <col min="9473" max="9587" width="1.625" style="2" customWidth="1"/>
    <col min="9588" max="9588" width="9" style="2"/>
    <col min="9589" max="9589" width="11.5" style="2" bestFit="1" customWidth="1"/>
    <col min="9590" max="9728" width="9" style="2"/>
    <col min="9729" max="9843" width="1.625" style="2" customWidth="1"/>
    <col min="9844" max="9844" width="9" style="2"/>
    <col min="9845" max="9845" width="11.5" style="2" bestFit="1" customWidth="1"/>
    <col min="9846" max="9984" width="9" style="2"/>
    <col min="9985" max="10099" width="1.625" style="2" customWidth="1"/>
    <col min="10100" max="10100" width="9" style="2"/>
    <col min="10101" max="10101" width="11.5" style="2" bestFit="1" customWidth="1"/>
    <col min="10102" max="10240" width="9" style="2"/>
    <col min="10241" max="10355" width="1.625" style="2" customWidth="1"/>
    <col min="10356" max="10356" width="9" style="2"/>
    <col min="10357" max="10357" width="11.5" style="2" bestFit="1" customWidth="1"/>
    <col min="10358" max="10496" width="9" style="2"/>
    <col min="10497" max="10611" width="1.625" style="2" customWidth="1"/>
    <col min="10612" max="10612" width="9" style="2"/>
    <col min="10613" max="10613" width="11.5" style="2" bestFit="1" customWidth="1"/>
    <col min="10614" max="10752" width="9" style="2"/>
    <col min="10753" max="10867" width="1.625" style="2" customWidth="1"/>
    <col min="10868" max="10868" width="9" style="2"/>
    <col min="10869" max="10869" width="11.5" style="2" bestFit="1" customWidth="1"/>
    <col min="10870" max="11008" width="9" style="2"/>
    <col min="11009" max="11123" width="1.625" style="2" customWidth="1"/>
    <col min="11124" max="11124" width="9" style="2"/>
    <col min="11125" max="11125" width="11.5" style="2" bestFit="1" customWidth="1"/>
    <col min="11126" max="11264" width="9" style="2"/>
    <col min="11265" max="11379" width="1.625" style="2" customWidth="1"/>
    <col min="11380" max="11380" width="9" style="2"/>
    <col min="11381" max="11381" width="11.5" style="2" bestFit="1" customWidth="1"/>
    <col min="11382" max="11520" width="9" style="2"/>
    <col min="11521" max="11635" width="1.625" style="2" customWidth="1"/>
    <col min="11636" max="11636" width="9" style="2"/>
    <col min="11637" max="11637" width="11.5" style="2" bestFit="1" customWidth="1"/>
    <col min="11638" max="11776" width="9" style="2"/>
    <col min="11777" max="11891" width="1.625" style="2" customWidth="1"/>
    <col min="11892" max="11892" width="9" style="2"/>
    <col min="11893" max="11893" width="11.5" style="2" bestFit="1" customWidth="1"/>
    <col min="11894" max="12032" width="9" style="2"/>
    <col min="12033" max="12147" width="1.625" style="2" customWidth="1"/>
    <col min="12148" max="12148" width="9" style="2"/>
    <col min="12149" max="12149" width="11.5" style="2" bestFit="1" customWidth="1"/>
    <col min="12150" max="12288" width="9" style="2"/>
    <col min="12289" max="12403" width="1.625" style="2" customWidth="1"/>
    <col min="12404" max="12404" width="9" style="2"/>
    <col min="12405" max="12405" width="11.5" style="2" bestFit="1" customWidth="1"/>
    <col min="12406" max="12544" width="9" style="2"/>
    <col min="12545" max="12659" width="1.625" style="2" customWidth="1"/>
    <col min="12660" max="12660" width="9" style="2"/>
    <col min="12661" max="12661" width="11.5" style="2" bestFit="1" customWidth="1"/>
    <col min="12662" max="12800" width="9" style="2"/>
    <col min="12801" max="12915" width="1.625" style="2" customWidth="1"/>
    <col min="12916" max="12916" width="9" style="2"/>
    <col min="12917" max="12917" width="11.5" style="2" bestFit="1" customWidth="1"/>
    <col min="12918" max="13056" width="9" style="2"/>
    <col min="13057" max="13171" width="1.625" style="2" customWidth="1"/>
    <col min="13172" max="13172" width="9" style="2"/>
    <col min="13173" max="13173" width="11.5" style="2" bestFit="1" customWidth="1"/>
    <col min="13174" max="13312" width="9" style="2"/>
    <col min="13313" max="13427" width="1.625" style="2" customWidth="1"/>
    <col min="13428" max="13428" width="9" style="2"/>
    <col min="13429" max="13429" width="11.5" style="2" bestFit="1" customWidth="1"/>
    <col min="13430" max="13568" width="9" style="2"/>
    <col min="13569" max="13683" width="1.625" style="2" customWidth="1"/>
    <col min="13684" max="13684" width="9" style="2"/>
    <col min="13685" max="13685" width="11.5" style="2" bestFit="1" customWidth="1"/>
    <col min="13686" max="13824" width="9" style="2"/>
    <col min="13825" max="13939" width="1.625" style="2" customWidth="1"/>
    <col min="13940" max="13940" width="9" style="2"/>
    <col min="13941" max="13941" width="11.5" style="2" bestFit="1" customWidth="1"/>
    <col min="13942" max="14080" width="9" style="2"/>
    <col min="14081" max="14195" width="1.625" style="2" customWidth="1"/>
    <col min="14196" max="14196" width="9" style="2"/>
    <col min="14197" max="14197" width="11.5" style="2" bestFit="1" customWidth="1"/>
    <col min="14198" max="14336" width="9" style="2"/>
    <col min="14337" max="14451" width="1.625" style="2" customWidth="1"/>
    <col min="14452" max="14452" width="9" style="2"/>
    <col min="14453" max="14453" width="11.5" style="2" bestFit="1" customWidth="1"/>
    <col min="14454" max="14592" width="9" style="2"/>
    <col min="14593" max="14707" width="1.625" style="2" customWidth="1"/>
    <col min="14708" max="14708" width="9" style="2"/>
    <col min="14709" max="14709" width="11.5" style="2" bestFit="1" customWidth="1"/>
    <col min="14710" max="14848" width="9" style="2"/>
    <col min="14849" max="14963" width="1.625" style="2" customWidth="1"/>
    <col min="14964" max="14964" width="9" style="2"/>
    <col min="14965" max="14965" width="11.5" style="2" bestFit="1" customWidth="1"/>
    <col min="14966" max="15104" width="9" style="2"/>
    <col min="15105" max="15219" width="1.625" style="2" customWidth="1"/>
    <col min="15220" max="15220" width="9" style="2"/>
    <col min="15221" max="15221" width="11.5" style="2" bestFit="1" customWidth="1"/>
    <col min="15222" max="15360" width="9" style="2"/>
    <col min="15361" max="15475" width="1.625" style="2" customWidth="1"/>
    <col min="15476" max="15476" width="9" style="2"/>
    <col min="15477" max="15477" width="11.5" style="2" bestFit="1" customWidth="1"/>
    <col min="15478" max="15616" width="9" style="2"/>
    <col min="15617" max="15731" width="1.625" style="2" customWidth="1"/>
    <col min="15732" max="15732" width="9" style="2"/>
    <col min="15733" max="15733" width="11.5" style="2" bestFit="1" customWidth="1"/>
    <col min="15734" max="15872" width="9" style="2"/>
    <col min="15873" max="15987" width="1.625" style="2" customWidth="1"/>
    <col min="15988" max="15988" width="9" style="2"/>
    <col min="15989" max="15989" width="11.5" style="2" bestFit="1" customWidth="1"/>
    <col min="15990" max="16128" width="9" style="2"/>
    <col min="16129" max="16243" width="1.625" style="2" customWidth="1"/>
    <col min="16244" max="16244" width="9" style="2"/>
    <col min="16245" max="16245" width="11.5" style="2" bestFit="1" customWidth="1"/>
    <col min="16246" max="16384" width="9" style="2"/>
  </cols>
  <sheetData>
    <row r="1" spans="1:117" ht="14.25">
      <c r="A1" s="1" t="s">
        <v>4</v>
      </c>
      <c r="BA1" s="3"/>
      <c r="BB1" s="4" t="s">
        <v>5</v>
      </c>
      <c r="BC1" s="3"/>
    </row>
    <row r="3" spans="1:117">
      <c r="AD3" s="6"/>
      <c r="AH3" s="6"/>
      <c r="AI3" s="6"/>
      <c r="AJ3" s="6"/>
      <c r="AK3" s="6"/>
      <c r="AL3" s="6"/>
      <c r="AM3" s="6"/>
      <c r="AS3" s="6"/>
      <c r="BB3" s="7" t="s">
        <v>13</v>
      </c>
    </row>
    <row r="4" spans="1:117">
      <c r="AD4" s="6"/>
      <c r="AH4" s="6"/>
      <c r="AI4" s="6"/>
      <c r="AJ4" s="6"/>
      <c r="AK4" s="6"/>
      <c r="AL4" s="6"/>
      <c r="AM4" s="6"/>
      <c r="AS4" s="6"/>
    </row>
    <row r="5" spans="1:117" ht="13.5" thickBot="1">
      <c r="AD5" s="6"/>
      <c r="AH5" s="6"/>
      <c r="AI5" s="6"/>
      <c r="AJ5" s="6"/>
      <c r="AK5" s="6"/>
      <c r="AL5" s="6"/>
      <c r="AM5" s="6"/>
      <c r="AS5" s="6"/>
      <c r="DM5" s="8"/>
    </row>
    <row r="6" spans="1:117" ht="15" thickBot="1">
      <c r="A6" s="79" t="s">
        <v>0</v>
      </c>
      <c r="B6" s="80"/>
      <c r="C6" s="80"/>
      <c r="D6" s="80"/>
      <c r="E6" s="80"/>
      <c r="F6" s="80"/>
      <c r="G6" s="80"/>
      <c r="H6" s="80"/>
      <c r="I6" s="80"/>
      <c r="J6" s="80"/>
      <c r="K6" s="81"/>
      <c r="L6" s="82"/>
      <c r="M6" s="82"/>
      <c r="N6" s="82"/>
      <c r="O6" s="83"/>
      <c r="P6" s="79" t="s">
        <v>1</v>
      </c>
      <c r="Q6" s="80"/>
      <c r="R6" s="80"/>
      <c r="S6" s="80"/>
      <c r="T6" s="80"/>
      <c r="U6" s="81"/>
      <c r="V6" s="84" t="s">
        <v>14</v>
      </c>
      <c r="W6" s="84"/>
      <c r="X6" s="84"/>
      <c r="Y6" s="84"/>
      <c r="Z6" s="84"/>
      <c r="AA6" s="84"/>
      <c r="AB6" s="84"/>
      <c r="AC6" s="84"/>
      <c r="AD6" s="84"/>
      <c r="AE6" s="84"/>
      <c r="AF6" s="84"/>
      <c r="AG6" s="84"/>
      <c r="AH6" s="84"/>
      <c r="AI6" s="84"/>
      <c r="AJ6" s="84"/>
      <c r="AK6" s="84"/>
      <c r="AL6" s="84"/>
      <c r="AM6" s="84"/>
      <c r="AN6" s="84"/>
      <c r="AO6" s="84"/>
      <c r="AP6" s="84"/>
      <c r="AQ6" s="84"/>
      <c r="AR6" s="84"/>
      <c r="AS6" s="84"/>
      <c r="AT6" s="84"/>
      <c r="AU6" s="84"/>
      <c r="AV6" s="84"/>
      <c r="AW6" s="84"/>
      <c r="AX6" s="84"/>
      <c r="AY6" s="84"/>
      <c r="AZ6" s="84"/>
      <c r="BA6" s="84"/>
      <c r="BB6" s="85"/>
      <c r="DM6" s="8"/>
    </row>
    <row r="7" spans="1:117" ht="14.25">
      <c r="A7" s="9"/>
      <c r="B7" s="9"/>
      <c r="C7" s="9"/>
      <c r="D7" s="9"/>
      <c r="E7" s="9"/>
      <c r="F7" s="9"/>
      <c r="G7" s="9"/>
      <c r="H7" s="9"/>
      <c r="I7" s="9"/>
      <c r="J7" s="9"/>
      <c r="K7" s="9"/>
      <c r="L7" s="10"/>
      <c r="M7" s="10"/>
      <c r="N7" s="10"/>
      <c r="O7" s="10"/>
      <c r="P7" s="9"/>
      <c r="Q7" s="9"/>
      <c r="R7" s="9"/>
      <c r="S7" s="9"/>
      <c r="T7" s="9"/>
      <c r="U7" s="9"/>
      <c r="V7" s="11"/>
      <c r="W7" s="11"/>
      <c r="X7" s="11"/>
      <c r="Y7" s="11"/>
      <c r="Z7" s="11"/>
      <c r="AA7" s="11"/>
      <c r="AB7" s="11"/>
      <c r="AC7" s="11"/>
      <c r="AD7" s="11"/>
      <c r="AE7" s="11"/>
      <c r="AF7" s="11"/>
      <c r="AG7" s="11"/>
      <c r="AH7" s="11"/>
      <c r="AI7" s="11"/>
      <c r="AJ7" s="11"/>
      <c r="AK7" s="11"/>
      <c r="AL7" s="11"/>
      <c r="AM7" s="11"/>
      <c r="AN7" s="11"/>
      <c r="AO7" s="11"/>
      <c r="AP7" s="11"/>
      <c r="AQ7" s="11"/>
      <c r="AR7" s="11"/>
      <c r="AS7" s="11"/>
      <c r="AT7" s="11"/>
      <c r="AU7" s="11"/>
      <c r="AV7" s="11"/>
      <c r="AW7" s="11"/>
      <c r="AX7" s="11"/>
      <c r="AY7" s="11"/>
      <c r="AZ7" s="11"/>
      <c r="BA7" s="11"/>
      <c r="BB7" s="11"/>
      <c r="DM7" s="8"/>
    </row>
    <row r="8" spans="1:117" ht="14.25">
      <c r="A8" s="12"/>
      <c r="B8" s="13" t="s">
        <v>6</v>
      </c>
      <c r="C8" s="14"/>
      <c r="D8" s="14"/>
      <c r="E8" s="14"/>
      <c r="F8" s="14"/>
      <c r="G8" s="14"/>
      <c r="H8" s="14"/>
      <c r="I8" s="14"/>
      <c r="J8" s="14"/>
      <c r="K8" s="14"/>
      <c r="L8" s="15"/>
      <c r="M8" s="15"/>
      <c r="N8" s="15"/>
      <c r="O8" s="15"/>
      <c r="P8" s="14"/>
      <c r="Q8" s="14"/>
      <c r="R8" s="14"/>
      <c r="S8" s="14"/>
      <c r="T8" s="14"/>
      <c r="U8" s="14"/>
      <c r="V8" s="13"/>
      <c r="W8" s="13"/>
      <c r="X8" s="13"/>
      <c r="Y8" s="13"/>
      <c r="Z8" s="13"/>
      <c r="AA8" s="13"/>
      <c r="AB8" s="13"/>
      <c r="AC8" s="13"/>
      <c r="AD8" s="13"/>
      <c r="AE8" s="13"/>
      <c r="AF8" s="13"/>
      <c r="AG8" s="13"/>
      <c r="AH8" s="13"/>
      <c r="AI8" s="13"/>
      <c r="AJ8" s="13"/>
      <c r="AK8" s="13"/>
      <c r="AL8" s="13"/>
      <c r="AM8" s="13"/>
      <c r="AN8" s="13"/>
      <c r="AO8" s="13"/>
      <c r="AP8" s="13"/>
      <c r="AQ8" s="13"/>
      <c r="AR8" s="13"/>
      <c r="AS8" s="13"/>
      <c r="AT8" s="13"/>
      <c r="AU8" s="13"/>
      <c r="AV8" s="13"/>
      <c r="AW8" s="13"/>
      <c r="AX8" s="13"/>
      <c r="AY8" s="13"/>
      <c r="AZ8" s="13"/>
      <c r="BA8" s="13"/>
      <c r="BB8" s="13"/>
      <c r="DM8" s="8"/>
    </row>
    <row r="9" spans="1:117" ht="15" thickBot="1">
      <c r="A9" s="14"/>
      <c r="B9" s="14"/>
      <c r="C9" s="14"/>
      <c r="D9" s="14"/>
      <c r="E9" s="14"/>
      <c r="F9" s="14"/>
      <c r="G9" s="14"/>
      <c r="H9" s="14"/>
      <c r="I9" s="14"/>
      <c r="J9" s="14"/>
      <c r="K9" s="14"/>
      <c r="L9" s="15"/>
      <c r="M9" s="15"/>
      <c r="N9" s="15"/>
      <c r="O9" s="15"/>
      <c r="P9" s="14"/>
      <c r="Q9" s="14"/>
      <c r="R9" s="14"/>
      <c r="S9" s="14"/>
      <c r="T9" s="14"/>
      <c r="U9" s="14"/>
      <c r="V9" s="13"/>
      <c r="W9" s="13"/>
      <c r="X9" s="13"/>
      <c r="Y9" s="13"/>
      <c r="Z9" s="13"/>
      <c r="AA9" s="13"/>
      <c r="AB9" s="13"/>
      <c r="AC9" s="13"/>
      <c r="AD9" s="13"/>
      <c r="AE9" s="13"/>
      <c r="AF9" s="13"/>
      <c r="AG9" s="13"/>
      <c r="AH9" s="13"/>
      <c r="AI9" s="13"/>
      <c r="AJ9" s="13"/>
      <c r="AK9" s="13"/>
      <c r="AL9" s="13"/>
      <c r="AM9" s="13"/>
      <c r="AN9" s="13"/>
      <c r="AO9" s="13"/>
      <c r="AP9" s="13"/>
      <c r="AQ9" s="13"/>
      <c r="AR9" s="13"/>
      <c r="AS9" s="13"/>
      <c r="AT9" s="13"/>
      <c r="AU9" s="13"/>
      <c r="AV9" s="13"/>
      <c r="AW9" s="13"/>
      <c r="AX9" s="13"/>
      <c r="AY9" s="13"/>
      <c r="AZ9" s="13"/>
      <c r="BA9" s="13"/>
      <c r="BB9" s="13"/>
      <c r="DM9" s="8"/>
    </row>
    <row r="10" spans="1:117" ht="14.25">
      <c r="A10" s="14"/>
      <c r="B10" s="16"/>
      <c r="C10" s="9"/>
      <c r="D10" s="9"/>
      <c r="E10" s="9"/>
      <c r="F10" s="9"/>
      <c r="G10" s="9"/>
      <c r="H10" s="9"/>
      <c r="I10" s="9"/>
      <c r="J10" s="9"/>
      <c r="K10" s="9"/>
      <c r="L10" s="10"/>
      <c r="M10" s="10"/>
      <c r="N10" s="10"/>
      <c r="O10" s="10"/>
      <c r="P10" s="9"/>
      <c r="Q10" s="9"/>
      <c r="R10" s="9"/>
      <c r="S10" s="9"/>
      <c r="T10" s="9"/>
      <c r="U10" s="9"/>
      <c r="V10" s="11"/>
      <c r="W10" s="11"/>
      <c r="X10" s="11"/>
      <c r="Y10" s="11"/>
      <c r="Z10" s="11"/>
      <c r="AA10" s="11"/>
      <c r="AB10" s="11"/>
      <c r="AC10" s="11"/>
      <c r="AD10" s="11"/>
      <c r="AE10" s="11"/>
      <c r="AF10" s="11"/>
      <c r="AG10" s="11"/>
      <c r="AH10" s="11"/>
      <c r="AI10" s="11"/>
      <c r="AJ10" s="11"/>
      <c r="AK10" s="11"/>
      <c r="AL10" s="11"/>
      <c r="AM10" s="11"/>
      <c r="AN10" s="11"/>
      <c r="AO10" s="11"/>
      <c r="AP10" s="11"/>
      <c r="AQ10" s="11"/>
      <c r="AR10" s="11"/>
      <c r="AS10" s="11"/>
      <c r="AT10" s="11"/>
      <c r="AU10" s="11"/>
      <c r="AV10" s="11"/>
      <c r="AW10" s="11"/>
      <c r="AX10" s="11"/>
      <c r="AY10" s="11"/>
      <c r="AZ10" s="11"/>
      <c r="BA10" s="11"/>
      <c r="BB10" s="17"/>
    </row>
    <row r="11" spans="1:117">
      <c r="A11" s="14"/>
      <c r="B11" s="86" t="s">
        <v>15</v>
      </c>
      <c r="C11" s="87"/>
      <c r="D11" s="87"/>
      <c r="E11" s="87"/>
      <c r="F11" s="87"/>
      <c r="G11" s="87"/>
      <c r="H11" s="87"/>
      <c r="I11" s="87"/>
      <c r="J11" s="87"/>
      <c r="K11" s="87"/>
      <c r="L11" s="87"/>
      <c r="M11" s="87"/>
      <c r="N11" s="87"/>
      <c r="O11" s="87"/>
      <c r="P11" s="87"/>
      <c r="Q11" s="87"/>
      <c r="R11" s="87"/>
      <c r="S11" s="87"/>
      <c r="T11" s="87"/>
      <c r="U11" s="87"/>
      <c r="V11" s="87"/>
      <c r="W11" s="87"/>
      <c r="X11" s="87"/>
      <c r="Y11" s="87"/>
      <c r="Z11" s="87"/>
      <c r="AA11" s="87"/>
      <c r="AB11" s="87"/>
      <c r="AC11" s="87"/>
      <c r="AD11" s="87"/>
      <c r="AE11" s="87"/>
      <c r="AF11" s="87"/>
      <c r="AG11" s="87"/>
      <c r="AH11" s="87"/>
      <c r="AI11" s="87"/>
      <c r="AJ11" s="87"/>
      <c r="AK11" s="87"/>
      <c r="AL11" s="87"/>
      <c r="AM11" s="87"/>
      <c r="AN11" s="87"/>
      <c r="AO11" s="87"/>
      <c r="AP11" s="87"/>
      <c r="AQ11" s="87"/>
      <c r="AR11" s="87"/>
      <c r="AS11" s="87"/>
      <c r="AT11" s="87"/>
      <c r="AU11" s="87"/>
      <c r="AV11" s="87"/>
      <c r="AW11" s="87"/>
      <c r="AX11" s="87"/>
      <c r="AY11" s="87"/>
      <c r="AZ11" s="87"/>
      <c r="BA11" s="87"/>
      <c r="BB11" s="88"/>
    </row>
    <row r="12" spans="1:117" ht="13.5">
      <c r="A12" s="14"/>
      <c r="B12" s="86"/>
      <c r="C12" s="87"/>
      <c r="D12" s="87"/>
      <c r="E12" s="87"/>
      <c r="F12" s="87"/>
      <c r="G12" s="87"/>
      <c r="H12" s="87"/>
      <c r="I12" s="87"/>
      <c r="J12" s="87"/>
      <c r="K12" s="87"/>
      <c r="L12" s="87"/>
      <c r="M12" s="87"/>
      <c r="N12" s="87"/>
      <c r="O12" s="87"/>
      <c r="P12" s="87"/>
      <c r="Q12" s="87"/>
      <c r="R12" s="87"/>
      <c r="S12" s="87"/>
      <c r="T12" s="87"/>
      <c r="U12" s="87"/>
      <c r="V12" s="87"/>
      <c r="W12" s="87"/>
      <c r="X12" s="87"/>
      <c r="Y12" s="87"/>
      <c r="Z12" s="87"/>
      <c r="AA12" s="87"/>
      <c r="AB12" s="87"/>
      <c r="AC12" s="87"/>
      <c r="AD12" s="87"/>
      <c r="AE12" s="87"/>
      <c r="AF12" s="87"/>
      <c r="AG12" s="87"/>
      <c r="AH12" s="87"/>
      <c r="AI12" s="87"/>
      <c r="AJ12" s="87"/>
      <c r="AK12" s="87"/>
      <c r="AL12" s="87"/>
      <c r="AM12" s="87"/>
      <c r="AN12" s="87"/>
      <c r="AO12" s="87"/>
      <c r="AP12" s="87"/>
      <c r="AQ12" s="87"/>
      <c r="AR12" s="87"/>
      <c r="AS12" s="87"/>
      <c r="AT12" s="87"/>
      <c r="AU12" s="87"/>
      <c r="AV12" s="87"/>
      <c r="AW12" s="87"/>
      <c r="AX12" s="87"/>
      <c r="AY12" s="87"/>
      <c r="AZ12" s="87"/>
      <c r="BA12" s="87"/>
      <c r="BB12" s="88"/>
      <c r="BG12" s="18"/>
    </row>
    <row r="13" spans="1:117">
      <c r="A13" s="14"/>
      <c r="B13" s="86"/>
      <c r="C13" s="87"/>
      <c r="D13" s="87"/>
      <c r="E13" s="87"/>
      <c r="F13" s="87"/>
      <c r="G13" s="87"/>
      <c r="H13" s="87"/>
      <c r="I13" s="87"/>
      <c r="J13" s="87"/>
      <c r="K13" s="87"/>
      <c r="L13" s="87"/>
      <c r="M13" s="87"/>
      <c r="N13" s="87"/>
      <c r="O13" s="87"/>
      <c r="P13" s="87"/>
      <c r="Q13" s="87"/>
      <c r="R13" s="87"/>
      <c r="S13" s="87"/>
      <c r="T13" s="87"/>
      <c r="U13" s="87"/>
      <c r="V13" s="87"/>
      <c r="W13" s="87"/>
      <c r="X13" s="87"/>
      <c r="Y13" s="87"/>
      <c r="Z13" s="87"/>
      <c r="AA13" s="87"/>
      <c r="AB13" s="87"/>
      <c r="AC13" s="87"/>
      <c r="AD13" s="87"/>
      <c r="AE13" s="87"/>
      <c r="AF13" s="87"/>
      <c r="AG13" s="87"/>
      <c r="AH13" s="87"/>
      <c r="AI13" s="87"/>
      <c r="AJ13" s="87"/>
      <c r="AK13" s="87"/>
      <c r="AL13" s="87"/>
      <c r="AM13" s="87"/>
      <c r="AN13" s="87"/>
      <c r="AO13" s="87"/>
      <c r="AP13" s="87"/>
      <c r="AQ13" s="87"/>
      <c r="AR13" s="87"/>
      <c r="AS13" s="87"/>
      <c r="AT13" s="87"/>
      <c r="AU13" s="87"/>
      <c r="AV13" s="87"/>
      <c r="AW13" s="87"/>
      <c r="AX13" s="87"/>
      <c r="AY13" s="87"/>
      <c r="AZ13" s="87"/>
      <c r="BA13" s="87"/>
      <c r="BB13" s="88"/>
    </row>
    <row r="14" spans="1:117">
      <c r="A14" s="14"/>
      <c r="B14" s="86"/>
      <c r="C14" s="87"/>
      <c r="D14" s="87"/>
      <c r="E14" s="87"/>
      <c r="F14" s="87"/>
      <c r="G14" s="87"/>
      <c r="H14" s="87"/>
      <c r="I14" s="87"/>
      <c r="J14" s="87"/>
      <c r="K14" s="87"/>
      <c r="L14" s="87"/>
      <c r="M14" s="87"/>
      <c r="N14" s="87"/>
      <c r="O14" s="87"/>
      <c r="P14" s="87"/>
      <c r="Q14" s="87"/>
      <c r="R14" s="87"/>
      <c r="S14" s="87"/>
      <c r="T14" s="87"/>
      <c r="U14" s="87"/>
      <c r="V14" s="87"/>
      <c r="W14" s="87"/>
      <c r="X14" s="87"/>
      <c r="Y14" s="87"/>
      <c r="Z14" s="87"/>
      <c r="AA14" s="87"/>
      <c r="AB14" s="87"/>
      <c r="AC14" s="87"/>
      <c r="AD14" s="87"/>
      <c r="AE14" s="87"/>
      <c r="AF14" s="87"/>
      <c r="AG14" s="87"/>
      <c r="AH14" s="87"/>
      <c r="AI14" s="87"/>
      <c r="AJ14" s="87"/>
      <c r="AK14" s="87"/>
      <c r="AL14" s="87"/>
      <c r="AM14" s="87"/>
      <c r="AN14" s="87"/>
      <c r="AO14" s="87"/>
      <c r="AP14" s="87"/>
      <c r="AQ14" s="87"/>
      <c r="AR14" s="87"/>
      <c r="AS14" s="87"/>
      <c r="AT14" s="87"/>
      <c r="AU14" s="87"/>
      <c r="AV14" s="87"/>
      <c r="AW14" s="87"/>
      <c r="AX14" s="87"/>
      <c r="AY14" s="87"/>
      <c r="AZ14" s="87"/>
      <c r="BA14" s="87"/>
      <c r="BB14" s="88"/>
    </row>
    <row r="15" spans="1:117">
      <c r="A15" s="14"/>
      <c r="B15" s="86"/>
      <c r="C15" s="87"/>
      <c r="D15" s="87"/>
      <c r="E15" s="87"/>
      <c r="F15" s="87"/>
      <c r="G15" s="87"/>
      <c r="H15" s="87"/>
      <c r="I15" s="87"/>
      <c r="J15" s="87"/>
      <c r="K15" s="87"/>
      <c r="L15" s="87"/>
      <c r="M15" s="87"/>
      <c r="N15" s="87"/>
      <c r="O15" s="87"/>
      <c r="P15" s="87"/>
      <c r="Q15" s="87"/>
      <c r="R15" s="87"/>
      <c r="S15" s="87"/>
      <c r="T15" s="87"/>
      <c r="U15" s="87"/>
      <c r="V15" s="87"/>
      <c r="W15" s="87"/>
      <c r="X15" s="87"/>
      <c r="Y15" s="87"/>
      <c r="Z15" s="87"/>
      <c r="AA15" s="87"/>
      <c r="AB15" s="87"/>
      <c r="AC15" s="87"/>
      <c r="AD15" s="87"/>
      <c r="AE15" s="87"/>
      <c r="AF15" s="87"/>
      <c r="AG15" s="87"/>
      <c r="AH15" s="87"/>
      <c r="AI15" s="87"/>
      <c r="AJ15" s="87"/>
      <c r="AK15" s="87"/>
      <c r="AL15" s="87"/>
      <c r="AM15" s="87"/>
      <c r="AN15" s="87"/>
      <c r="AO15" s="87"/>
      <c r="AP15" s="87"/>
      <c r="AQ15" s="87"/>
      <c r="AR15" s="87"/>
      <c r="AS15" s="87"/>
      <c r="AT15" s="87"/>
      <c r="AU15" s="87"/>
      <c r="AV15" s="87"/>
      <c r="AW15" s="87"/>
      <c r="AX15" s="87"/>
      <c r="AY15" s="87"/>
      <c r="AZ15" s="87"/>
      <c r="BA15" s="87"/>
      <c r="BB15" s="88"/>
    </row>
    <row r="16" spans="1:117">
      <c r="A16" s="14"/>
      <c r="B16" s="86"/>
      <c r="C16" s="87"/>
      <c r="D16" s="87"/>
      <c r="E16" s="87"/>
      <c r="F16" s="87"/>
      <c r="G16" s="87"/>
      <c r="H16" s="87"/>
      <c r="I16" s="87"/>
      <c r="J16" s="87"/>
      <c r="K16" s="87"/>
      <c r="L16" s="87"/>
      <c r="M16" s="87"/>
      <c r="N16" s="87"/>
      <c r="O16" s="87"/>
      <c r="P16" s="87"/>
      <c r="Q16" s="87"/>
      <c r="R16" s="87"/>
      <c r="S16" s="87"/>
      <c r="T16" s="87"/>
      <c r="U16" s="87"/>
      <c r="V16" s="87"/>
      <c r="W16" s="87"/>
      <c r="X16" s="87"/>
      <c r="Y16" s="87"/>
      <c r="Z16" s="87"/>
      <c r="AA16" s="87"/>
      <c r="AB16" s="87"/>
      <c r="AC16" s="87"/>
      <c r="AD16" s="87"/>
      <c r="AE16" s="87"/>
      <c r="AF16" s="87"/>
      <c r="AG16" s="87"/>
      <c r="AH16" s="87"/>
      <c r="AI16" s="87"/>
      <c r="AJ16" s="87"/>
      <c r="AK16" s="87"/>
      <c r="AL16" s="87"/>
      <c r="AM16" s="87"/>
      <c r="AN16" s="87"/>
      <c r="AO16" s="87"/>
      <c r="AP16" s="87"/>
      <c r="AQ16" s="87"/>
      <c r="AR16" s="87"/>
      <c r="AS16" s="87"/>
      <c r="AT16" s="87"/>
      <c r="AU16" s="87"/>
      <c r="AV16" s="87"/>
      <c r="AW16" s="87"/>
      <c r="AX16" s="87"/>
      <c r="AY16" s="87"/>
      <c r="AZ16" s="87"/>
      <c r="BA16" s="87"/>
      <c r="BB16" s="88"/>
    </row>
    <row r="17" spans="1:255">
      <c r="A17" s="14"/>
      <c r="B17" s="86"/>
      <c r="C17" s="87"/>
      <c r="D17" s="87"/>
      <c r="E17" s="87"/>
      <c r="F17" s="87"/>
      <c r="G17" s="87"/>
      <c r="H17" s="87"/>
      <c r="I17" s="87"/>
      <c r="J17" s="87"/>
      <c r="K17" s="87"/>
      <c r="L17" s="87"/>
      <c r="M17" s="87"/>
      <c r="N17" s="87"/>
      <c r="O17" s="87"/>
      <c r="P17" s="87"/>
      <c r="Q17" s="87"/>
      <c r="R17" s="87"/>
      <c r="S17" s="87"/>
      <c r="T17" s="87"/>
      <c r="U17" s="87"/>
      <c r="V17" s="87"/>
      <c r="W17" s="87"/>
      <c r="X17" s="87"/>
      <c r="Y17" s="87"/>
      <c r="Z17" s="87"/>
      <c r="AA17" s="87"/>
      <c r="AB17" s="87"/>
      <c r="AC17" s="87"/>
      <c r="AD17" s="87"/>
      <c r="AE17" s="87"/>
      <c r="AF17" s="87"/>
      <c r="AG17" s="87"/>
      <c r="AH17" s="87"/>
      <c r="AI17" s="87"/>
      <c r="AJ17" s="87"/>
      <c r="AK17" s="87"/>
      <c r="AL17" s="87"/>
      <c r="AM17" s="87"/>
      <c r="AN17" s="87"/>
      <c r="AO17" s="87"/>
      <c r="AP17" s="87"/>
      <c r="AQ17" s="87"/>
      <c r="AR17" s="87"/>
      <c r="AS17" s="87"/>
      <c r="AT17" s="87"/>
      <c r="AU17" s="87"/>
      <c r="AV17" s="87"/>
      <c r="AW17" s="87"/>
      <c r="AX17" s="87"/>
      <c r="AY17" s="87"/>
      <c r="AZ17" s="87"/>
      <c r="BA17" s="87"/>
      <c r="BB17" s="88"/>
    </row>
    <row r="18" spans="1:255">
      <c r="A18" s="14"/>
      <c r="B18" s="86"/>
      <c r="C18" s="87"/>
      <c r="D18" s="87"/>
      <c r="E18" s="87"/>
      <c r="F18" s="87"/>
      <c r="G18" s="87"/>
      <c r="H18" s="87"/>
      <c r="I18" s="87"/>
      <c r="J18" s="87"/>
      <c r="K18" s="87"/>
      <c r="L18" s="87"/>
      <c r="M18" s="87"/>
      <c r="N18" s="87"/>
      <c r="O18" s="87"/>
      <c r="P18" s="87"/>
      <c r="Q18" s="87"/>
      <c r="R18" s="87"/>
      <c r="S18" s="87"/>
      <c r="T18" s="87"/>
      <c r="U18" s="87"/>
      <c r="V18" s="87"/>
      <c r="W18" s="87"/>
      <c r="X18" s="87"/>
      <c r="Y18" s="87"/>
      <c r="Z18" s="87"/>
      <c r="AA18" s="87"/>
      <c r="AB18" s="87"/>
      <c r="AC18" s="87"/>
      <c r="AD18" s="87"/>
      <c r="AE18" s="87"/>
      <c r="AF18" s="87"/>
      <c r="AG18" s="87"/>
      <c r="AH18" s="87"/>
      <c r="AI18" s="87"/>
      <c r="AJ18" s="87"/>
      <c r="AK18" s="87"/>
      <c r="AL18" s="87"/>
      <c r="AM18" s="87"/>
      <c r="AN18" s="87"/>
      <c r="AO18" s="87"/>
      <c r="AP18" s="87"/>
      <c r="AQ18" s="87"/>
      <c r="AR18" s="87"/>
      <c r="AS18" s="87"/>
      <c r="AT18" s="87"/>
      <c r="AU18" s="87"/>
      <c r="AV18" s="87"/>
      <c r="AW18" s="87"/>
      <c r="AX18" s="87"/>
      <c r="AY18" s="87"/>
      <c r="AZ18" s="87"/>
      <c r="BA18" s="87"/>
      <c r="BB18" s="88"/>
    </row>
    <row r="19" spans="1:255">
      <c r="A19" s="14"/>
      <c r="B19" s="86"/>
      <c r="C19" s="87"/>
      <c r="D19" s="87"/>
      <c r="E19" s="87"/>
      <c r="F19" s="87"/>
      <c r="G19" s="87"/>
      <c r="H19" s="87"/>
      <c r="I19" s="87"/>
      <c r="J19" s="87"/>
      <c r="K19" s="87"/>
      <c r="L19" s="87"/>
      <c r="M19" s="87"/>
      <c r="N19" s="87"/>
      <c r="O19" s="87"/>
      <c r="P19" s="87"/>
      <c r="Q19" s="87"/>
      <c r="R19" s="87"/>
      <c r="S19" s="87"/>
      <c r="T19" s="87"/>
      <c r="U19" s="87"/>
      <c r="V19" s="87"/>
      <c r="W19" s="87"/>
      <c r="X19" s="87"/>
      <c r="Y19" s="87"/>
      <c r="Z19" s="87"/>
      <c r="AA19" s="87"/>
      <c r="AB19" s="87"/>
      <c r="AC19" s="87"/>
      <c r="AD19" s="87"/>
      <c r="AE19" s="87"/>
      <c r="AF19" s="87"/>
      <c r="AG19" s="87"/>
      <c r="AH19" s="87"/>
      <c r="AI19" s="87"/>
      <c r="AJ19" s="87"/>
      <c r="AK19" s="87"/>
      <c r="AL19" s="87"/>
      <c r="AM19" s="87"/>
      <c r="AN19" s="87"/>
      <c r="AO19" s="87"/>
      <c r="AP19" s="87"/>
      <c r="AQ19" s="87"/>
      <c r="AR19" s="87"/>
      <c r="AS19" s="87"/>
      <c r="AT19" s="87"/>
      <c r="AU19" s="87"/>
      <c r="AV19" s="87"/>
      <c r="AW19" s="87"/>
      <c r="AX19" s="87"/>
      <c r="AY19" s="87"/>
      <c r="AZ19" s="87"/>
      <c r="BA19" s="87"/>
      <c r="BB19" s="88"/>
    </row>
    <row r="20" spans="1:255">
      <c r="A20" s="14"/>
      <c r="B20" s="86"/>
      <c r="C20" s="87"/>
      <c r="D20" s="87"/>
      <c r="E20" s="87"/>
      <c r="F20" s="87"/>
      <c r="G20" s="87"/>
      <c r="H20" s="87"/>
      <c r="I20" s="87"/>
      <c r="J20" s="87"/>
      <c r="K20" s="87"/>
      <c r="L20" s="87"/>
      <c r="M20" s="87"/>
      <c r="N20" s="87"/>
      <c r="O20" s="87"/>
      <c r="P20" s="87"/>
      <c r="Q20" s="87"/>
      <c r="R20" s="87"/>
      <c r="S20" s="87"/>
      <c r="T20" s="87"/>
      <c r="U20" s="87"/>
      <c r="V20" s="87"/>
      <c r="W20" s="87"/>
      <c r="X20" s="87"/>
      <c r="Y20" s="87"/>
      <c r="Z20" s="87"/>
      <c r="AA20" s="87"/>
      <c r="AB20" s="87"/>
      <c r="AC20" s="87"/>
      <c r="AD20" s="87"/>
      <c r="AE20" s="87"/>
      <c r="AF20" s="87"/>
      <c r="AG20" s="87"/>
      <c r="AH20" s="87"/>
      <c r="AI20" s="87"/>
      <c r="AJ20" s="87"/>
      <c r="AK20" s="87"/>
      <c r="AL20" s="87"/>
      <c r="AM20" s="87"/>
      <c r="AN20" s="87"/>
      <c r="AO20" s="87"/>
      <c r="AP20" s="87"/>
      <c r="AQ20" s="87"/>
      <c r="AR20" s="87"/>
      <c r="AS20" s="87"/>
      <c r="AT20" s="87"/>
      <c r="AU20" s="87"/>
      <c r="AV20" s="87"/>
      <c r="AW20" s="87"/>
      <c r="AX20" s="87"/>
      <c r="AY20" s="87"/>
      <c r="AZ20" s="87"/>
      <c r="BA20" s="87"/>
      <c r="BB20" s="88"/>
    </row>
    <row r="21" spans="1:255" ht="15" thickBot="1">
      <c r="A21" s="19"/>
      <c r="B21" s="20"/>
      <c r="C21" s="21"/>
      <c r="D21" s="21"/>
      <c r="E21" s="21"/>
      <c r="F21" s="21"/>
      <c r="G21" s="21"/>
      <c r="H21" s="21"/>
      <c r="I21" s="21"/>
      <c r="J21" s="21"/>
      <c r="K21" s="21"/>
      <c r="L21" s="21"/>
      <c r="M21" s="21"/>
      <c r="N21" s="21"/>
      <c r="O21" s="21"/>
      <c r="P21" s="21"/>
      <c r="Q21" s="21"/>
      <c r="R21" s="21"/>
      <c r="S21" s="21"/>
      <c r="T21" s="21"/>
      <c r="U21" s="21"/>
      <c r="V21" s="21"/>
      <c r="W21" s="21"/>
      <c r="X21" s="21"/>
      <c r="Y21" s="21"/>
      <c r="Z21" s="21"/>
      <c r="AA21" s="21"/>
      <c r="AB21" s="21"/>
      <c r="AC21" s="21"/>
      <c r="AD21" s="21"/>
      <c r="AE21" s="21"/>
      <c r="AF21" s="21"/>
      <c r="AG21" s="21"/>
      <c r="AH21" s="21"/>
      <c r="AI21" s="21"/>
      <c r="AJ21" s="21"/>
      <c r="AK21" s="21"/>
      <c r="AL21" s="21"/>
      <c r="AM21" s="21"/>
      <c r="AN21" s="21"/>
      <c r="AO21" s="21"/>
      <c r="AP21" s="21"/>
      <c r="AQ21" s="21"/>
      <c r="AR21" s="21"/>
      <c r="AS21" s="21"/>
      <c r="AT21" s="21"/>
      <c r="AU21" s="21"/>
      <c r="AV21" s="21"/>
      <c r="AW21" s="21"/>
      <c r="AX21" s="21"/>
      <c r="AY21" s="21"/>
      <c r="AZ21" s="21"/>
      <c r="BA21" s="21"/>
      <c r="BB21" s="22"/>
    </row>
    <row r="22" spans="1:255">
      <c r="B22" s="23"/>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row>
    <row r="23" spans="1:255">
      <c r="B23" s="23"/>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row>
    <row r="24" spans="1:255" ht="14.25">
      <c r="B24" s="13" t="s">
        <v>7</v>
      </c>
      <c r="C24" s="14"/>
      <c r="D24" s="14"/>
      <c r="E24" s="14"/>
      <c r="F24" s="14"/>
      <c r="G24" s="14"/>
      <c r="H24" s="14"/>
      <c r="I24" s="14"/>
      <c r="J24" s="14"/>
      <c r="K24" s="14"/>
      <c r="L24" s="15"/>
      <c r="M24" s="15"/>
      <c r="N24" s="15"/>
      <c r="O24" s="15"/>
      <c r="P24" s="14"/>
      <c r="Q24" s="14"/>
      <c r="R24" s="14"/>
      <c r="S24" s="14"/>
      <c r="T24" s="14"/>
      <c r="U24" s="14"/>
      <c r="V24" s="13"/>
      <c r="W24" s="13"/>
      <c r="X24" s="13"/>
      <c r="Y24" s="13"/>
      <c r="Z24" s="13"/>
      <c r="AA24" s="13"/>
      <c r="AB24" s="13"/>
      <c r="AC24" s="13"/>
      <c r="AD24" s="13"/>
      <c r="AE24" s="13"/>
      <c r="AF24" s="13"/>
      <c r="AG24" s="13"/>
      <c r="AH24" s="13"/>
      <c r="AI24" s="13"/>
      <c r="AJ24" s="13"/>
      <c r="AK24" s="13"/>
      <c r="AL24" s="13"/>
      <c r="AM24" s="13"/>
      <c r="AN24" s="13"/>
      <c r="AO24" s="13"/>
      <c r="AP24" s="13"/>
      <c r="AQ24" s="13"/>
      <c r="AR24" s="13"/>
      <c r="AS24" s="13"/>
      <c r="AT24" s="13"/>
      <c r="AU24" s="13"/>
      <c r="AV24" s="13"/>
      <c r="AW24" s="13"/>
      <c r="AX24" s="13"/>
      <c r="AY24" s="13"/>
      <c r="AZ24" s="13"/>
      <c r="BA24" s="13"/>
      <c r="BB24" s="13"/>
    </row>
    <row r="25" spans="1:255" ht="15" thickBot="1">
      <c r="B25" s="14"/>
      <c r="C25" s="14"/>
      <c r="D25" s="14"/>
      <c r="E25" s="14"/>
      <c r="F25" s="14"/>
      <c r="G25" s="14"/>
      <c r="H25" s="14"/>
      <c r="I25" s="14"/>
      <c r="J25" s="14"/>
      <c r="K25" s="14"/>
      <c r="L25" s="15"/>
      <c r="M25" s="15"/>
      <c r="N25" s="15"/>
      <c r="O25" s="15"/>
      <c r="P25" s="14"/>
      <c r="Q25" s="14"/>
      <c r="R25" s="14"/>
      <c r="S25" s="14"/>
      <c r="T25" s="14"/>
      <c r="U25" s="14"/>
      <c r="V25" s="13"/>
      <c r="W25" s="13"/>
      <c r="X25" s="13"/>
      <c r="Y25" s="13"/>
      <c r="Z25" s="13"/>
      <c r="AA25" s="13"/>
      <c r="AB25" s="13"/>
      <c r="AC25" s="13"/>
      <c r="AD25" s="13"/>
      <c r="AE25" s="13"/>
      <c r="AF25" s="13"/>
      <c r="AG25" s="13"/>
      <c r="AH25" s="13"/>
      <c r="AI25" s="13"/>
      <c r="AJ25" s="13"/>
      <c r="AK25" s="13"/>
      <c r="AL25" s="13"/>
      <c r="AM25" s="13"/>
      <c r="AN25" s="13"/>
      <c r="AO25" s="13"/>
      <c r="AP25" s="13"/>
      <c r="AQ25" s="13"/>
      <c r="AR25" s="13"/>
      <c r="AS25" s="13"/>
      <c r="AT25" s="13"/>
      <c r="AU25" s="13"/>
      <c r="AV25" s="13"/>
      <c r="AW25" s="13"/>
      <c r="AX25" s="13"/>
      <c r="AY25" s="13"/>
      <c r="AZ25" s="13"/>
      <c r="BA25" s="13"/>
      <c r="BB25" s="24" t="s">
        <v>8</v>
      </c>
    </row>
    <row r="26" spans="1:255" s="25" customFormat="1" ht="13.5" customHeight="1">
      <c r="A26" s="14"/>
      <c r="B26" s="69" t="s">
        <v>3</v>
      </c>
      <c r="C26" s="70"/>
      <c r="D26" s="70"/>
      <c r="E26" s="70"/>
      <c r="F26" s="70"/>
      <c r="G26" s="70"/>
      <c r="H26" s="70"/>
      <c r="I26" s="70"/>
      <c r="J26" s="70"/>
      <c r="K26" s="70"/>
      <c r="L26" s="70"/>
      <c r="M26" s="70"/>
      <c r="N26" s="70"/>
      <c r="O26" s="70"/>
      <c r="P26" s="70"/>
      <c r="Q26" s="70"/>
      <c r="R26" s="70"/>
      <c r="S26" s="70"/>
      <c r="T26" s="70"/>
      <c r="U26" s="70"/>
      <c r="V26" s="70"/>
      <c r="W26" s="70"/>
      <c r="X26" s="70"/>
      <c r="Y26" s="70"/>
      <c r="Z26" s="70"/>
      <c r="AA26" s="70"/>
      <c r="AB26" s="70"/>
      <c r="AC26" s="70"/>
      <c r="AD26" s="71"/>
      <c r="AE26" s="75" t="s">
        <v>9</v>
      </c>
      <c r="AF26" s="70"/>
      <c r="AG26" s="70"/>
      <c r="AH26" s="70"/>
      <c r="AI26" s="70"/>
      <c r="AJ26" s="70"/>
      <c r="AK26" s="70"/>
      <c r="AL26" s="70"/>
      <c r="AM26" s="71"/>
      <c r="AN26" s="75" t="s">
        <v>10</v>
      </c>
      <c r="AO26" s="70"/>
      <c r="AP26" s="70"/>
      <c r="AQ26" s="70"/>
      <c r="AR26" s="70"/>
      <c r="AS26" s="70"/>
      <c r="AT26" s="70"/>
      <c r="AU26" s="70"/>
      <c r="AV26" s="71"/>
      <c r="AW26" s="75" t="s">
        <v>11</v>
      </c>
      <c r="AX26" s="70"/>
      <c r="AY26" s="70"/>
      <c r="AZ26" s="70"/>
      <c r="BA26" s="70"/>
      <c r="BB26" s="77"/>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5"/>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row>
    <row r="27" spans="1:255" s="25" customFormat="1" ht="13.5">
      <c r="A27" s="14"/>
      <c r="B27" s="72"/>
      <c r="C27" s="73"/>
      <c r="D27" s="73"/>
      <c r="E27" s="73"/>
      <c r="F27" s="73"/>
      <c r="G27" s="73"/>
      <c r="H27" s="73"/>
      <c r="I27" s="73"/>
      <c r="J27" s="73"/>
      <c r="K27" s="73"/>
      <c r="L27" s="73"/>
      <c r="M27" s="73"/>
      <c r="N27" s="73"/>
      <c r="O27" s="73"/>
      <c r="P27" s="73"/>
      <c r="Q27" s="73"/>
      <c r="R27" s="73"/>
      <c r="S27" s="73"/>
      <c r="T27" s="73"/>
      <c r="U27" s="73"/>
      <c r="V27" s="73"/>
      <c r="W27" s="73"/>
      <c r="X27" s="73"/>
      <c r="Y27" s="73"/>
      <c r="Z27" s="73"/>
      <c r="AA27" s="73"/>
      <c r="AB27" s="73"/>
      <c r="AC27" s="73"/>
      <c r="AD27" s="74"/>
      <c r="AE27" s="76"/>
      <c r="AF27" s="73"/>
      <c r="AG27" s="73"/>
      <c r="AH27" s="73"/>
      <c r="AI27" s="73"/>
      <c r="AJ27" s="73"/>
      <c r="AK27" s="73"/>
      <c r="AL27" s="73"/>
      <c r="AM27" s="74"/>
      <c r="AN27" s="76"/>
      <c r="AO27" s="73"/>
      <c r="AP27" s="73"/>
      <c r="AQ27" s="73"/>
      <c r="AR27" s="73"/>
      <c r="AS27" s="73"/>
      <c r="AT27" s="73"/>
      <c r="AU27" s="73"/>
      <c r="AV27" s="74"/>
      <c r="AW27" s="76"/>
      <c r="AX27" s="73"/>
      <c r="AY27" s="73"/>
      <c r="AZ27" s="73"/>
      <c r="BA27" s="73"/>
      <c r="BB27" s="78"/>
      <c r="BC27" s="2"/>
      <c r="BD27" s="2"/>
      <c r="BE27" s="2"/>
      <c r="BF27" s="26"/>
      <c r="BG27" s="27"/>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5"/>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row>
    <row r="28" spans="1:255" s="25" customFormat="1" ht="18.75" customHeight="1">
      <c r="A28" s="14"/>
      <c r="B28" s="28" t="s">
        <v>12</v>
      </c>
      <c r="C28" s="29" t="s">
        <v>16</v>
      </c>
      <c r="D28" s="29"/>
      <c r="E28" s="29"/>
      <c r="F28" s="29"/>
      <c r="G28" s="29"/>
      <c r="H28" s="29"/>
      <c r="I28" s="29"/>
      <c r="J28" s="29"/>
      <c r="K28" s="29"/>
      <c r="L28" s="29"/>
      <c r="M28" s="29"/>
      <c r="N28" s="29"/>
      <c r="O28" s="29"/>
      <c r="P28" s="29"/>
      <c r="Q28" s="29"/>
      <c r="R28" s="29"/>
      <c r="S28" s="29"/>
      <c r="T28" s="29"/>
      <c r="U28" s="29"/>
      <c r="V28" s="29"/>
      <c r="W28" s="29"/>
      <c r="X28" s="29"/>
      <c r="Y28" s="29"/>
      <c r="Z28" s="30"/>
      <c r="AA28" s="30"/>
      <c r="AB28" s="30"/>
      <c r="AC28" s="30"/>
      <c r="AD28" s="30"/>
      <c r="AE28" s="50">
        <v>322</v>
      </c>
      <c r="AF28" s="55"/>
      <c r="AG28" s="55"/>
      <c r="AH28" s="55"/>
      <c r="AI28" s="55"/>
      <c r="AJ28" s="55"/>
      <c r="AK28" s="55"/>
      <c r="AL28" s="55"/>
      <c r="AM28" s="65"/>
      <c r="AN28" s="50">
        <v>322</v>
      </c>
      <c r="AO28" s="55"/>
      <c r="AP28" s="55"/>
      <c r="AQ28" s="55"/>
      <c r="AR28" s="55"/>
      <c r="AS28" s="55"/>
      <c r="AT28" s="55"/>
      <c r="AU28" s="55"/>
      <c r="AV28" s="65"/>
      <c r="AW28" s="50"/>
      <c r="AX28" s="55"/>
      <c r="AY28" s="55"/>
      <c r="AZ28" s="55"/>
      <c r="BA28" s="55"/>
      <c r="BB28" s="56"/>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5"/>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row>
    <row r="29" spans="1:255" s="25" customFormat="1" ht="18.75" customHeight="1">
      <c r="A29" s="14"/>
      <c r="B29" s="28"/>
      <c r="C29" s="32"/>
      <c r="D29" s="32"/>
      <c r="E29" s="32"/>
      <c r="F29" s="32"/>
      <c r="G29" s="32"/>
      <c r="H29" s="32"/>
      <c r="I29" s="32"/>
      <c r="J29" s="32"/>
      <c r="K29" s="32"/>
      <c r="L29" s="32"/>
      <c r="M29" s="32"/>
      <c r="N29" s="32"/>
      <c r="O29" s="32"/>
      <c r="P29" s="32"/>
      <c r="Q29" s="32"/>
      <c r="R29" s="32"/>
      <c r="S29" s="32"/>
      <c r="T29" s="32"/>
      <c r="U29" s="32"/>
      <c r="V29" s="32"/>
      <c r="W29" s="32"/>
      <c r="X29" s="32"/>
      <c r="Y29" s="32"/>
      <c r="Z29" s="33"/>
      <c r="AA29" s="33"/>
      <c r="AB29" s="33"/>
      <c r="AC29" s="33"/>
      <c r="AD29" s="33"/>
      <c r="AE29" s="50"/>
      <c r="AF29" s="51"/>
      <c r="AG29" s="51"/>
      <c r="AH29" s="51"/>
      <c r="AI29" s="51"/>
      <c r="AJ29" s="51"/>
      <c r="AK29" s="51"/>
      <c r="AL29" s="51"/>
      <c r="AM29" s="52"/>
      <c r="AN29" s="50"/>
      <c r="AO29" s="55"/>
      <c r="AP29" s="55"/>
      <c r="AQ29" s="55"/>
      <c r="AR29" s="55"/>
      <c r="AS29" s="55"/>
      <c r="AT29" s="55"/>
      <c r="AU29" s="55"/>
      <c r="AV29" s="65"/>
      <c r="AW29" s="50"/>
      <c r="AX29" s="55"/>
      <c r="AY29" s="55"/>
      <c r="AZ29" s="55"/>
      <c r="BA29" s="55"/>
      <c r="BB29" s="56"/>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5"/>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row>
    <row r="30" spans="1:255" s="25" customFormat="1" ht="18.75" customHeight="1">
      <c r="A30" s="14"/>
      <c r="B30" s="31"/>
      <c r="C30" s="32"/>
      <c r="D30" s="32"/>
      <c r="E30" s="32"/>
      <c r="F30" s="32"/>
      <c r="G30" s="32"/>
      <c r="H30" s="32"/>
      <c r="I30" s="32"/>
      <c r="J30" s="32"/>
      <c r="K30" s="32"/>
      <c r="L30" s="32"/>
      <c r="M30" s="32"/>
      <c r="N30" s="32"/>
      <c r="O30" s="32"/>
      <c r="P30" s="32"/>
      <c r="Q30" s="32"/>
      <c r="R30" s="32"/>
      <c r="S30" s="32"/>
      <c r="T30" s="32"/>
      <c r="U30" s="32"/>
      <c r="V30" s="32"/>
      <c r="W30" s="32"/>
      <c r="X30" s="32"/>
      <c r="Y30" s="32"/>
      <c r="Z30" s="33"/>
      <c r="AA30" s="33"/>
      <c r="AB30" s="33"/>
      <c r="AC30" s="33"/>
      <c r="AD30" s="33"/>
      <c r="AE30" s="50"/>
      <c r="AF30" s="51"/>
      <c r="AG30" s="51"/>
      <c r="AH30" s="51"/>
      <c r="AI30" s="51"/>
      <c r="AJ30" s="51"/>
      <c r="AK30" s="51"/>
      <c r="AL30" s="51"/>
      <c r="AM30" s="52"/>
      <c r="AN30" s="50"/>
      <c r="AO30" s="55"/>
      <c r="AP30" s="55"/>
      <c r="AQ30" s="55"/>
      <c r="AR30" s="55"/>
      <c r="AS30" s="55"/>
      <c r="AT30" s="55"/>
      <c r="AU30" s="55"/>
      <c r="AV30" s="65"/>
      <c r="AW30" s="50"/>
      <c r="AX30" s="55"/>
      <c r="AY30" s="55"/>
      <c r="AZ30" s="55"/>
      <c r="BA30" s="55"/>
      <c r="BB30" s="56"/>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5"/>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row>
    <row r="31" spans="1:255" s="25" customFormat="1" ht="18.75" customHeight="1">
      <c r="A31" s="14"/>
      <c r="B31" s="31"/>
      <c r="C31" s="32"/>
      <c r="D31" s="32"/>
      <c r="E31" s="32"/>
      <c r="F31" s="32"/>
      <c r="G31" s="32"/>
      <c r="H31" s="32"/>
      <c r="I31" s="32"/>
      <c r="J31" s="32"/>
      <c r="K31" s="32"/>
      <c r="L31" s="32"/>
      <c r="M31" s="32"/>
      <c r="N31" s="32"/>
      <c r="O31" s="32"/>
      <c r="P31" s="32"/>
      <c r="Q31" s="32"/>
      <c r="R31" s="32"/>
      <c r="S31" s="32"/>
      <c r="T31" s="32"/>
      <c r="U31" s="32"/>
      <c r="V31" s="32"/>
      <c r="W31" s="32"/>
      <c r="X31" s="32"/>
      <c r="Y31" s="32"/>
      <c r="Z31" s="33"/>
      <c r="AA31" s="33"/>
      <c r="AB31" s="33"/>
      <c r="AC31" s="33"/>
      <c r="AD31" s="33"/>
      <c r="AE31" s="50"/>
      <c r="AF31" s="51"/>
      <c r="AG31" s="51"/>
      <c r="AH31" s="51"/>
      <c r="AI31" s="51"/>
      <c r="AJ31" s="51"/>
      <c r="AK31" s="51"/>
      <c r="AL31" s="51"/>
      <c r="AM31" s="52"/>
      <c r="AN31" s="50"/>
      <c r="AO31" s="55"/>
      <c r="AP31" s="55"/>
      <c r="AQ31" s="55"/>
      <c r="AR31" s="55"/>
      <c r="AS31" s="55"/>
      <c r="AT31" s="55"/>
      <c r="AU31" s="55"/>
      <c r="AV31" s="65"/>
      <c r="AW31" s="50"/>
      <c r="AX31" s="55"/>
      <c r="AY31" s="55"/>
      <c r="AZ31" s="55"/>
      <c r="BA31" s="55"/>
      <c r="BB31" s="56"/>
      <c r="BC31" s="2"/>
      <c r="BD31" s="2"/>
      <c r="BE31" s="2"/>
      <c r="BF31" s="2"/>
      <c r="BG31" s="2"/>
      <c r="BH31" s="2"/>
      <c r="BI31" s="2"/>
      <c r="BJ31" s="2"/>
      <c r="BK31" s="2"/>
      <c r="BL31" s="2"/>
      <c r="BM31" s="2"/>
      <c r="BN31" s="2"/>
      <c r="BO31" s="2"/>
      <c r="BP31" s="2"/>
      <c r="BQ31" s="2"/>
      <c r="BR31" s="2"/>
      <c r="BS31" s="2"/>
      <c r="BT31" s="2"/>
      <c r="BU31" s="2"/>
      <c r="BV31" s="2"/>
      <c r="BW31" s="2"/>
      <c r="BX31" s="2"/>
      <c r="BY31" s="2"/>
      <c r="BZ31" s="2"/>
      <c r="CA31" s="2"/>
      <c r="CB31" s="2"/>
      <c r="CC31" s="2"/>
      <c r="CD31" s="2"/>
      <c r="CE31" s="2"/>
      <c r="CF31" s="2"/>
      <c r="CG31" s="2"/>
      <c r="CH31" s="2"/>
      <c r="CI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5"/>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row>
    <row r="32" spans="1:255" s="25" customFormat="1" ht="18.75" customHeight="1">
      <c r="A32" s="14"/>
      <c r="B32" s="34"/>
      <c r="C32" s="35"/>
      <c r="D32" s="35"/>
      <c r="E32" s="35"/>
      <c r="F32" s="35"/>
      <c r="G32" s="35"/>
      <c r="H32" s="35"/>
      <c r="I32" s="35"/>
      <c r="J32" s="35"/>
      <c r="K32" s="35"/>
      <c r="L32" s="35"/>
      <c r="M32" s="35"/>
      <c r="N32" s="35"/>
      <c r="O32" s="35"/>
      <c r="P32" s="35"/>
      <c r="Q32" s="35"/>
      <c r="R32" s="35"/>
      <c r="S32" s="35"/>
      <c r="T32" s="35"/>
      <c r="U32" s="35"/>
      <c r="V32" s="35"/>
      <c r="W32" s="35"/>
      <c r="X32" s="35"/>
      <c r="Y32" s="35"/>
      <c r="Z32" s="36"/>
      <c r="AA32" s="36"/>
      <c r="AB32" s="36"/>
      <c r="AC32" s="36"/>
      <c r="AD32" s="36"/>
      <c r="AE32" s="50"/>
      <c r="AF32" s="51"/>
      <c r="AG32" s="51"/>
      <c r="AH32" s="51"/>
      <c r="AI32" s="51"/>
      <c r="AJ32" s="51"/>
      <c r="AK32" s="51"/>
      <c r="AL32" s="51"/>
      <c r="AM32" s="52"/>
      <c r="AN32" s="50"/>
      <c r="AO32" s="55"/>
      <c r="AP32" s="55"/>
      <c r="AQ32" s="55"/>
      <c r="AR32" s="55"/>
      <c r="AS32" s="55"/>
      <c r="AT32" s="55"/>
      <c r="AU32" s="55"/>
      <c r="AV32" s="65"/>
      <c r="AW32" s="66"/>
      <c r="AX32" s="67"/>
      <c r="AY32" s="67"/>
      <c r="AZ32" s="67"/>
      <c r="BA32" s="67"/>
      <c r="BB32" s="68"/>
      <c r="BC32" s="2"/>
      <c r="BD32" s="2"/>
      <c r="BE32" s="2"/>
      <c r="BF32" s="2"/>
      <c r="BG32" s="2"/>
      <c r="BH32" s="2"/>
      <c r="BI32" s="2"/>
      <c r="BJ32" s="2"/>
      <c r="BK32" s="2"/>
      <c r="BL32" s="2"/>
      <c r="BM32" s="2"/>
      <c r="BN32" s="2"/>
      <c r="BO32" s="2"/>
      <c r="BP32" s="2"/>
      <c r="BQ32" s="2"/>
      <c r="BR32" s="2"/>
      <c r="BS32" s="2"/>
      <c r="BT32" s="2"/>
      <c r="BU32" s="2"/>
      <c r="BV32" s="2"/>
      <c r="BW32" s="2"/>
      <c r="BX32" s="2"/>
      <c r="BY32" s="2"/>
      <c r="BZ32" s="2"/>
      <c r="CA32" s="2"/>
      <c r="CB32" s="2"/>
      <c r="CC32" s="2"/>
      <c r="CD32" s="2"/>
      <c r="CE32" s="2"/>
      <c r="CF32" s="2"/>
      <c r="CG32" s="2"/>
      <c r="CH32" s="2"/>
      <c r="CI32" s="2"/>
      <c r="CJ32" s="2"/>
      <c r="CK32" s="2"/>
      <c r="CL32" s="2"/>
      <c r="CM32" s="2"/>
      <c r="CN32" s="2"/>
      <c r="CO32" s="2"/>
      <c r="CP32" s="2"/>
      <c r="CQ32" s="2"/>
      <c r="CR32" s="2"/>
      <c r="CS32" s="2"/>
      <c r="CT32" s="2"/>
      <c r="CU32" s="2"/>
      <c r="CV32" s="2"/>
      <c r="CW32" s="2"/>
      <c r="CX32" s="2"/>
      <c r="CY32" s="2"/>
      <c r="CZ32" s="2"/>
      <c r="DA32" s="2"/>
      <c r="DB32" s="2"/>
      <c r="DC32" s="2"/>
      <c r="DD32" s="2"/>
      <c r="DE32" s="2"/>
      <c r="DF32" s="2"/>
      <c r="DG32" s="2"/>
      <c r="DH32" s="2"/>
      <c r="DI32" s="2"/>
      <c r="DJ32" s="2"/>
      <c r="DK32" s="2"/>
      <c r="DL32" s="2"/>
      <c r="DM32" s="5"/>
      <c r="DN32" s="2"/>
      <c r="DO32" s="2"/>
      <c r="DP32" s="2"/>
      <c r="DQ32" s="2"/>
      <c r="DR32" s="2"/>
      <c r="DS32" s="2"/>
      <c r="DT32" s="2"/>
      <c r="DU32" s="2"/>
      <c r="DV32" s="2"/>
      <c r="DW32" s="2"/>
      <c r="DX32" s="2"/>
      <c r="DY32" s="2"/>
      <c r="DZ32" s="2"/>
      <c r="EA32" s="2"/>
      <c r="EB32" s="2"/>
      <c r="EC32" s="2"/>
      <c r="ED32" s="2"/>
      <c r="EE32" s="2"/>
      <c r="EF32" s="2"/>
      <c r="EG32" s="2"/>
      <c r="EH32" s="2"/>
      <c r="EI32" s="2"/>
      <c r="EJ32" s="2"/>
      <c r="EK32" s="2"/>
      <c r="EL32" s="2"/>
      <c r="EM32" s="2"/>
      <c r="EN32" s="2"/>
      <c r="EO32" s="2"/>
      <c r="EP32" s="2"/>
      <c r="EQ32" s="2"/>
      <c r="ER32" s="2"/>
      <c r="ES32" s="2"/>
      <c r="ET32" s="2"/>
      <c r="EU32" s="2"/>
      <c r="EV32" s="2"/>
      <c r="EW32" s="2"/>
      <c r="EX32" s="2"/>
      <c r="EY32" s="2"/>
      <c r="EZ32" s="2"/>
      <c r="FA32" s="2"/>
      <c r="FB32" s="2"/>
      <c r="FC32" s="2"/>
      <c r="FD32" s="2"/>
      <c r="FE32" s="2"/>
      <c r="FF32" s="2"/>
      <c r="FG32" s="2"/>
      <c r="FH32" s="2"/>
      <c r="FI32" s="2"/>
      <c r="FJ32" s="2"/>
      <c r="FK32" s="2"/>
      <c r="FL32" s="2"/>
      <c r="FM32" s="2"/>
      <c r="FN32" s="2"/>
      <c r="FO32" s="2"/>
      <c r="FP32" s="2"/>
      <c r="FQ32" s="2"/>
      <c r="FR32" s="2"/>
      <c r="FS32" s="2"/>
      <c r="FT32" s="2"/>
      <c r="FU32" s="2"/>
      <c r="FV32" s="2"/>
      <c r="FW32" s="2"/>
      <c r="FX32" s="2"/>
      <c r="FY32" s="2"/>
      <c r="FZ32" s="2"/>
      <c r="GA32" s="2"/>
      <c r="GB32" s="2"/>
      <c r="GC32" s="2"/>
      <c r="GD32" s="2"/>
      <c r="GE32" s="2"/>
      <c r="GF32" s="2"/>
      <c r="GG32" s="2"/>
      <c r="GH32" s="2"/>
      <c r="GI32" s="2"/>
      <c r="GJ32" s="2"/>
      <c r="GK32" s="2"/>
      <c r="GL32" s="2"/>
      <c r="GM32" s="2"/>
      <c r="GN32" s="2"/>
      <c r="GO32" s="2"/>
      <c r="GP32" s="2"/>
      <c r="GQ32" s="2"/>
      <c r="GR32" s="2"/>
      <c r="GS32" s="2"/>
      <c r="GT32" s="2"/>
      <c r="GU32" s="2"/>
      <c r="GV32" s="2"/>
      <c r="GW32" s="2"/>
      <c r="GX32" s="2"/>
      <c r="GY32" s="2"/>
      <c r="GZ32" s="2"/>
      <c r="HA32" s="2"/>
      <c r="HB32" s="2"/>
      <c r="HC32" s="2"/>
      <c r="HD32" s="2"/>
      <c r="HE32" s="2"/>
      <c r="HF32" s="2"/>
      <c r="HG32" s="2"/>
      <c r="HH32" s="2"/>
      <c r="HI32" s="2"/>
      <c r="HJ32" s="2"/>
      <c r="HK32" s="2"/>
      <c r="HL32" s="2"/>
      <c r="HM32" s="2"/>
      <c r="HN32" s="2"/>
      <c r="HO32" s="2"/>
      <c r="HP32" s="2"/>
      <c r="HQ32" s="2"/>
      <c r="HR32" s="2"/>
      <c r="HS32" s="2"/>
      <c r="HT32" s="2"/>
      <c r="HU32" s="2"/>
      <c r="HV32" s="2"/>
      <c r="HW32" s="2"/>
      <c r="HX32" s="2"/>
      <c r="HY32" s="2"/>
      <c r="HZ32" s="2"/>
      <c r="IA32" s="2"/>
      <c r="IB32" s="2"/>
      <c r="IC32" s="2"/>
      <c r="ID32" s="2"/>
      <c r="IE32" s="2"/>
      <c r="IF32" s="2"/>
      <c r="IG32" s="2"/>
      <c r="IH32" s="2"/>
      <c r="II32" s="2"/>
      <c r="IJ32" s="2"/>
      <c r="IK32" s="2"/>
      <c r="IL32" s="2"/>
      <c r="IM32" s="2"/>
      <c r="IN32" s="2"/>
      <c r="IO32" s="2"/>
      <c r="IP32" s="2"/>
      <c r="IQ32" s="2"/>
      <c r="IR32" s="2"/>
      <c r="IS32" s="2"/>
      <c r="IT32" s="2"/>
      <c r="IU32" s="2"/>
    </row>
    <row r="33" spans="1:255" s="25" customFormat="1" ht="18.75" customHeight="1">
      <c r="A33" s="14"/>
      <c r="B33" s="31"/>
      <c r="C33" s="32"/>
      <c r="D33" s="32"/>
      <c r="E33" s="32"/>
      <c r="F33" s="32"/>
      <c r="G33" s="32"/>
      <c r="H33" s="32"/>
      <c r="I33" s="32"/>
      <c r="J33" s="32"/>
      <c r="K33" s="32"/>
      <c r="L33" s="32"/>
      <c r="M33" s="32"/>
      <c r="N33" s="32"/>
      <c r="O33" s="32"/>
      <c r="P33" s="32"/>
      <c r="Q33" s="32"/>
      <c r="R33" s="32"/>
      <c r="S33" s="32"/>
      <c r="T33" s="32"/>
      <c r="U33" s="32"/>
      <c r="V33" s="32"/>
      <c r="W33" s="32"/>
      <c r="X33" s="32"/>
      <c r="Y33" s="32"/>
      <c r="Z33" s="33"/>
      <c r="AA33" s="33"/>
      <c r="AB33" s="33"/>
      <c r="AC33" s="33"/>
      <c r="AD33" s="33"/>
      <c r="AE33" s="50"/>
      <c r="AF33" s="51"/>
      <c r="AG33" s="51"/>
      <c r="AH33" s="51"/>
      <c r="AI33" s="51"/>
      <c r="AJ33" s="51"/>
      <c r="AK33" s="51"/>
      <c r="AL33" s="51"/>
      <c r="AM33" s="52"/>
      <c r="AN33" s="50"/>
      <c r="AO33" s="55"/>
      <c r="AP33" s="55"/>
      <c r="AQ33" s="55"/>
      <c r="AR33" s="55"/>
      <c r="AS33" s="55"/>
      <c r="AT33" s="55"/>
      <c r="AU33" s="55"/>
      <c r="AV33" s="65"/>
      <c r="AW33" s="50"/>
      <c r="AX33" s="55"/>
      <c r="AY33" s="55"/>
      <c r="AZ33" s="55"/>
      <c r="BA33" s="55"/>
      <c r="BB33" s="56"/>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5"/>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2"/>
      <c r="IK33" s="2"/>
      <c r="IL33" s="2"/>
      <c r="IM33" s="2"/>
      <c r="IN33" s="2"/>
      <c r="IO33" s="2"/>
      <c r="IP33" s="2"/>
      <c r="IQ33" s="2"/>
      <c r="IR33" s="2"/>
      <c r="IS33" s="2"/>
      <c r="IT33" s="2"/>
      <c r="IU33" s="2"/>
    </row>
    <row r="34" spans="1:255" s="25" customFormat="1" ht="18.75" customHeight="1">
      <c r="A34" s="14"/>
      <c r="B34" s="34"/>
      <c r="C34" s="37"/>
      <c r="D34" s="37"/>
      <c r="E34" s="37"/>
      <c r="F34" s="37"/>
      <c r="G34" s="37"/>
      <c r="H34" s="37"/>
      <c r="I34" s="37"/>
      <c r="J34" s="37"/>
      <c r="K34" s="37"/>
      <c r="L34" s="37"/>
      <c r="M34" s="37"/>
      <c r="N34" s="37"/>
      <c r="O34" s="37"/>
      <c r="P34" s="37"/>
      <c r="Q34" s="37"/>
      <c r="R34" s="37"/>
      <c r="S34" s="37"/>
      <c r="T34" s="37"/>
      <c r="U34" s="37"/>
      <c r="V34" s="37"/>
      <c r="W34" s="37"/>
      <c r="X34" s="37"/>
      <c r="Y34" s="37"/>
      <c r="Z34" s="37"/>
      <c r="AA34" s="37"/>
      <c r="AB34" s="37"/>
      <c r="AC34" s="37"/>
      <c r="AD34" s="37"/>
      <c r="AE34" s="50"/>
      <c r="AF34" s="51"/>
      <c r="AG34" s="51"/>
      <c r="AH34" s="51"/>
      <c r="AI34" s="51"/>
      <c r="AJ34" s="51"/>
      <c r="AK34" s="51"/>
      <c r="AL34" s="51"/>
      <c r="AM34" s="52"/>
      <c r="AN34" s="50"/>
      <c r="AO34" s="53"/>
      <c r="AP34" s="53"/>
      <c r="AQ34" s="53"/>
      <c r="AR34" s="53"/>
      <c r="AS34" s="53"/>
      <c r="AT34" s="53"/>
      <c r="AU34" s="53"/>
      <c r="AV34" s="54"/>
      <c r="AW34" s="50"/>
      <c r="AX34" s="55"/>
      <c r="AY34" s="55"/>
      <c r="AZ34" s="55"/>
      <c r="BA34" s="55"/>
      <c r="BB34" s="56"/>
      <c r="BC34" s="2"/>
      <c r="BD34" s="2"/>
      <c r="BE34" s="2"/>
      <c r="BF34" s="2"/>
      <c r="BG34" s="2"/>
      <c r="BH34" s="2"/>
      <c r="BI34" s="2"/>
      <c r="BJ34" s="2"/>
      <c r="BK34" s="2"/>
      <c r="BL34" s="2"/>
      <c r="BM34" s="2"/>
      <c r="BN34" s="2"/>
      <c r="BO34" s="2"/>
      <c r="BP34" s="2"/>
      <c r="BQ34" s="2"/>
      <c r="BR34" s="2"/>
      <c r="BS34" s="2"/>
      <c r="BT34" s="2"/>
      <c r="BU34" s="2"/>
      <c r="BV34" s="2"/>
      <c r="BW34" s="2"/>
      <c r="BX34" s="2"/>
      <c r="BY34" s="2"/>
      <c r="BZ34" s="2"/>
      <c r="CA34" s="2"/>
      <c r="CB34" s="2"/>
      <c r="CC34" s="2"/>
      <c r="CD34" s="2"/>
      <c r="CE34" s="2"/>
      <c r="CF34" s="2"/>
      <c r="CG34" s="2"/>
      <c r="CH34" s="2"/>
      <c r="CI34" s="2"/>
      <c r="CJ34" s="2"/>
      <c r="CK34" s="2"/>
      <c r="CL34" s="2"/>
      <c r="CM34" s="2"/>
      <c r="CN34" s="2"/>
      <c r="CO34" s="2"/>
      <c r="CP34" s="2"/>
      <c r="CQ34" s="2"/>
      <c r="CR34" s="2"/>
      <c r="CS34" s="2"/>
      <c r="CT34" s="2"/>
      <c r="CU34" s="2"/>
      <c r="CV34" s="2"/>
      <c r="CW34" s="2"/>
      <c r="CX34" s="2"/>
      <c r="CY34" s="2"/>
      <c r="CZ34" s="2"/>
      <c r="DA34" s="2"/>
      <c r="DB34" s="2"/>
      <c r="DC34" s="2"/>
      <c r="DD34" s="2"/>
      <c r="DE34" s="2"/>
      <c r="DF34" s="2"/>
      <c r="DG34" s="2"/>
      <c r="DH34" s="2"/>
      <c r="DI34" s="2"/>
      <c r="DJ34" s="2"/>
      <c r="DK34" s="2"/>
      <c r="DL34" s="2"/>
      <c r="DM34" s="5"/>
      <c r="DN34" s="2"/>
      <c r="DO34" s="2"/>
      <c r="DP34" s="2"/>
      <c r="DQ34" s="2"/>
      <c r="DR34" s="2"/>
      <c r="DS34" s="2"/>
      <c r="DT34" s="2"/>
      <c r="DU34" s="2"/>
      <c r="DV34" s="2"/>
      <c r="DW34" s="2"/>
      <c r="DX34" s="2"/>
      <c r="DY34" s="2"/>
      <c r="DZ34" s="2"/>
      <c r="EA34" s="2"/>
      <c r="EB34" s="2"/>
      <c r="EC34" s="2"/>
      <c r="ED34" s="2"/>
      <c r="EE34" s="2"/>
      <c r="EF34" s="2"/>
      <c r="EG34" s="2"/>
      <c r="EH34" s="2"/>
      <c r="EI34" s="2"/>
      <c r="EJ34" s="2"/>
      <c r="EK34" s="2"/>
      <c r="EL34" s="2"/>
      <c r="EM34" s="2"/>
      <c r="EN34" s="2"/>
      <c r="EO34" s="2"/>
      <c r="EP34" s="2"/>
      <c r="EQ34" s="2"/>
      <c r="ER34" s="2"/>
      <c r="ES34" s="2"/>
      <c r="ET34" s="2"/>
      <c r="EU34" s="2"/>
      <c r="EV34" s="2"/>
      <c r="EW34" s="2"/>
      <c r="EX34" s="2"/>
      <c r="EY34" s="2"/>
      <c r="EZ34" s="2"/>
      <c r="FA34" s="2"/>
      <c r="FB34" s="2"/>
      <c r="FC34" s="2"/>
      <c r="FD34" s="2"/>
      <c r="FE34" s="2"/>
      <c r="FF34" s="2"/>
      <c r="FG34" s="2"/>
      <c r="FH34" s="2"/>
      <c r="FI34" s="2"/>
      <c r="FJ34" s="2"/>
      <c r="FK34" s="2"/>
      <c r="FL34" s="2"/>
      <c r="FM34" s="2"/>
      <c r="FN34" s="2"/>
      <c r="FO34" s="2"/>
      <c r="FP34" s="2"/>
      <c r="FQ34" s="2"/>
      <c r="FR34" s="2"/>
      <c r="FS34" s="2"/>
      <c r="FT34" s="2"/>
      <c r="FU34" s="2"/>
      <c r="FV34" s="2"/>
      <c r="FW34" s="2"/>
      <c r="FX34" s="2"/>
      <c r="FY34" s="2"/>
      <c r="FZ34" s="2"/>
      <c r="GA34" s="2"/>
      <c r="GB34" s="2"/>
      <c r="GC34" s="2"/>
      <c r="GD34" s="2"/>
      <c r="GE34" s="2"/>
      <c r="GF34" s="2"/>
      <c r="GG34" s="2"/>
      <c r="GH34" s="2"/>
      <c r="GI34" s="2"/>
      <c r="GJ34" s="2"/>
      <c r="GK34" s="2"/>
      <c r="GL34" s="2"/>
      <c r="GM34" s="2"/>
      <c r="GN34" s="2"/>
      <c r="GO34" s="2"/>
      <c r="GP34" s="2"/>
      <c r="GQ34" s="2"/>
      <c r="GR34" s="2"/>
      <c r="GS34" s="2"/>
      <c r="GT34" s="2"/>
      <c r="GU34" s="2"/>
      <c r="GV34" s="2"/>
      <c r="GW34" s="2"/>
      <c r="GX34" s="2"/>
      <c r="GY34" s="2"/>
      <c r="GZ34" s="2"/>
      <c r="HA34" s="2"/>
      <c r="HB34" s="2"/>
      <c r="HC34" s="2"/>
      <c r="HD34" s="2"/>
      <c r="HE34" s="2"/>
      <c r="HF34" s="2"/>
      <c r="HG34" s="2"/>
      <c r="HH34" s="2"/>
      <c r="HI34" s="2"/>
      <c r="HJ34" s="2"/>
      <c r="HK34" s="2"/>
      <c r="HL34" s="2"/>
      <c r="HM34" s="2"/>
      <c r="HN34" s="2"/>
      <c r="HO34" s="2"/>
      <c r="HP34" s="2"/>
      <c r="HQ34" s="2"/>
      <c r="HR34" s="2"/>
      <c r="HS34" s="2"/>
      <c r="HT34" s="2"/>
      <c r="HU34" s="2"/>
      <c r="HV34" s="2"/>
      <c r="HW34" s="2"/>
      <c r="HX34" s="2"/>
      <c r="HY34" s="2"/>
      <c r="HZ34" s="2"/>
      <c r="IA34" s="2"/>
      <c r="IB34" s="2"/>
      <c r="IC34" s="2"/>
      <c r="ID34" s="2"/>
      <c r="IE34" s="2"/>
      <c r="IF34" s="2"/>
      <c r="IG34" s="2"/>
      <c r="IH34" s="2"/>
      <c r="II34" s="2"/>
      <c r="IJ34" s="2"/>
      <c r="IK34" s="2"/>
      <c r="IL34" s="2"/>
      <c r="IM34" s="2"/>
      <c r="IN34" s="2"/>
      <c r="IO34" s="2"/>
      <c r="IP34" s="2"/>
      <c r="IQ34" s="2"/>
      <c r="IR34" s="2"/>
      <c r="IS34" s="2"/>
      <c r="IT34" s="2"/>
      <c r="IU34" s="2"/>
    </row>
    <row r="35" spans="1:255" s="25" customFormat="1" ht="18.75" customHeight="1" thickBot="1">
      <c r="A35" s="14"/>
      <c r="B35" s="38"/>
      <c r="C35" s="39"/>
      <c r="D35" s="39"/>
      <c r="E35" s="39"/>
      <c r="F35" s="39"/>
      <c r="G35" s="39"/>
      <c r="H35" s="39"/>
      <c r="I35" s="39"/>
      <c r="J35" s="39"/>
      <c r="K35" s="39"/>
      <c r="L35" s="39"/>
      <c r="M35" s="39"/>
      <c r="N35" s="39"/>
      <c r="O35" s="39"/>
      <c r="P35" s="39"/>
      <c r="Q35" s="39"/>
      <c r="R35" s="39"/>
      <c r="S35" s="39"/>
      <c r="T35" s="39"/>
      <c r="U35" s="39"/>
      <c r="V35" s="39"/>
      <c r="W35" s="39"/>
      <c r="X35" s="39"/>
      <c r="Y35" s="39"/>
      <c r="Z35" s="39"/>
      <c r="AA35" s="39"/>
      <c r="AB35" s="39"/>
      <c r="AC35" s="39"/>
      <c r="AD35" s="39"/>
      <c r="AE35" s="57"/>
      <c r="AF35" s="58"/>
      <c r="AG35" s="58"/>
      <c r="AH35" s="58"/>
      <c r="AI35" s="58"/>
      <c r="AJ35" s="58"/>
      <c r="AK35" s="58"/>
      <c r="AL35" s="58"/>
      <c r="AM35" s="59"/>
      <c r="AN35" s="57"/>
      <c r="AO35" s="60"/>
      <c r="AP35" s="60"/>
      <c r="AQ35" s="60"/>
      <c r="AR35" s="60"/>
      <c r="AS35" s="60"/>
      <c r="AT35" s="60"/>
      <c r="AU35" s="60"/>
      <c r="AV35" s="61"/>
      <c r="AW35" s="62"/>
      <c r="AX35" s="63"/>
      <c r="AY35" s="63"/>
      <c r="AZ35" s="63"/>
      <c r="BA35" s="63"/>
      <c r="BB35" s="64"/>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5"/>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row>
    <row r="36" spans="1:255" s="25" customFormat="1" ht="18.75" customHeight="1" thickTop="1" thickBot="1">
      <c r="A36" s="19"/>
      <c r="B36" s="43" t="s">
        <v>2</v>
      </c>
      <c r="C36" s="44"/>
      <c r="D36" s="44"/>
      <c r="E36" s="44"/>
      <c r="F36" s="44"/>
      <c r="G36" s="44"/>
      <c r="H36" s="44"/>
      <c r="I36" s="44"/>
      <c r="J36" s="44"/>
      <c r="K36" s="44"/>
      <c r="L36" s="44"/>
      <c r="M36" s="44"/>
      <c r="N36" s="44"/>
      <c r="O36" s="44"/>
      <c r="P36" s="44"/>
      <c r="Q36" s="44"/>
      <c r="R36" s="44"/>
      <c r="S36" s="44"/>
      <c r="T36" s="44"/>
      <c r="U36" s="44"/>
      <c r="V36" s="44"/>
      <c r="W36" s="44"/>
      <c r="X36" s="44"/>
      <c r="Y36" s="44"/>
      <c r="Z36" s="44"/>
      <c r="AA36" s="44"/>
      <c r="AB36" s="44"/>
      <c r="AC36" s="44"/>
      <c r="AD36" s="45"/>
      <c r="AE36" s="46">
        <f>SUM(AE28:AM35)</f>
        <v>322</v>
      </c>
      <c r="AF36" s="47"/>
      <c r="AG36" s="47"/>
      <c r="AH36" s="47"/>
      <c r="AI36" s="47"/>
      <c r="AJ36" s="47"/>
      <c r="AK36" s="47"/>
      <c r="AL36" s="47"/>
      <c r="AM36" s="48"/>
      <c r="AN36" s="46">
        <f>SUM(AN28:AW35)</f>
        <v>322</v>
      </c>
      <c r="AO36" s="47"/>
      <c r="AP36" s="47"/>
      <c r="AQ36" s="47"/>
      <c r="AR36" s="47"/>
      <c r="AS36" s="47"/>
      <c r="AT36" s="47"/>
      <c r="AU36" s="47"/>
      <c r="AV36" s="48"/>
      <c r="AW36" s="46"/>
      <c r="AX36" s="47"/>
      <c r="AY36" s="47"/>
      <c r="AZ36" s="47"/>
      <c r="BA36" s="47"/>
      <c r="BB36" s="49"/>
      <c r="BC36" s="2"/>
      <c r="BD36" s="2"/>
      <c r="BE36" s="2"/>
      <c r="BF36" s="2"/>
      <c r="BG36" s="2"/>
      <c r="BH36" s="2"/>
      <c r="BI36" s="2"/>
      <c r="BJ36" s="2"/>
      <c r="BK36" s="2"/>
      <c r="BL36" s="2"/>
      <c r="BM36" s="2"/>
      <c r="BN36" s="2"/>
      <c r="BO36" s="2"/>
      <c r="BP36" s="2"/>
      <c r="BQ36" s="2"/>
      <c r="BR36" s="2"/>
      <c r="BS36" s="2"/>
      <c r="BT36" s="2"/>
      <c r="BU36" s="2"/>
      <c r="BV36" s="2"/>
      <c r="BW36" s="2"/>
      <c r="BX36" s="2"/>
      <c r="BY36" s="2"/>
      <c r="BZ36" s="2"/>
      <c r="CA36" s="2"/>
      <c r="CB36" s="2"/>
      <c r="CC36" s="2"/>
      <c r="CD36" s="2"/>
      <c r="CE36" s="2"/>
      <c r="CF36" s="2"/>
      <c r="CG36" s="2"/>
      <c r="CH36" s="2"/>
      <c r="CI36" s="2"/>
      <c r="CJ36" s="2"/>
      <c r="CK36" s="2"/>
      <c r="CL36" s="2"/>
      <c r="CM36" s="2"/>
      <c r="CN36" s="2"/>
      <c r="CO36" s="2"/>
      <c r="CP36" s="2"/>
      <c r="CQ36" s="2"/>
      <c r="CR36" s="2"/>
      <c r="CS36" s="2"/>
      <c r="CT36" s="2"/>
      <c r="CU36" s="2"/>
      <c r="CV36" s="2"/>
      <c r="CW36" s="2"/>
      <c r="CX36" s="2"/>
      <c r="CY36" s="2"/>
      <c r="CZ36" s="2"/>
      <c r="DA36" s="2"/>
      <c r="DB36" s="2"/>
      <c r="DC36" s="2"/>
      <c r="DD36" s="2"/>
      <c r="DE36" s="2"/>
      <c r="DF36" s="2"/>
      <c r="DG36" s="2"/>
      <c r="DH36" s="2"/>
      <c r="DI36" s="2"/>
      <c r="DJ36" s="2"/>
      <c r="DK36" s="2"/>
      <c r="DL36" s="2"/>
      <c r="DM36" s="5"/>
      <c r="DN36" s="2"/>
      <c r="DO36" s="2"/>
      <c r="DP36" s="2"/>
      <c r="DQ36" s="2"/>
      <c r="DR36" s="2"/>
      <c r="DS36" s="2"/>
      <c r="DT36" s="2"/>
      <c r="DU36" s="2"/>
      <c r="DV36" s="2"/>
      <c r="DW36" s="2"/>
      <c r="DX36" s="2"/>
      <c r="DY36" s="2"/>
      <c r="DZ36" s="2"/>
      <c r="EA36" s="2"/>
      <c r="EB36" s="2"/>
      <c r="EC36" s="2"/>
      <c r="ED36" s="2"/>
      <c r="EE36" s="2"/>
      <c r="EF36" s="2"/>
      <c r="EG36" s="2"/>
      <c r="EH36" s="2"/>
      <c r="EI36" s="2"/>
      <c r="EJ36" s="2"/>
      <c r="EK36" s="2"/>
      <c r="EL36" s="2"/>
      <c r="EM36" s="2"/>
      <c r="EN36" s="2"/>
      <c r="EO36" s="2"/>
      <c r="EP36" s="2"/>
      <c r="EQ36" s="2"/>
      <c r="ER36" s="2"/>
      <c r="ES36" s="2"/>
      <c r="ET36" s="2"/>
      <c r="EU36" s="2"/>
      <c r="EV36" s="2"/>
      <c r="EW36" s="2"/>
      <c r="EX36" s="2"/>
      <c r="EY36" s="2"/>
      <c r="EZ36" s="2"/>
      <c r="FA36" s="2"/>
      <c r="FB36" s="2"/>
      <c r="FC36" s="2"/>
      <c r="FD36" s="2"/>
      <c r="FE36" s="2"/>
      <c r="FF36" s="2"/>
      <c r="FG36" s="2"/>
      <c r="FH36" s="2"/>
      <c r="FI36" s="2"/>
      <c r="FJ36" s="2"/>
      <c r="FK36" s="2"/>
      <c r="FL36" s="2"/>
      <c r="FM36" s="2"/>
      <c r="FN36" s="2"/>
      <c r="FO36" s="2"/>
      <c r="FP36" s="2"/>
      <c r="FQ36" s="2"/>
      <c r="FR36" s="2"/>
      <c r="FS36" s="2"/>
      <c r="FT36" s="2"/>
      <c r="FU36" s="2"/>
      <c r="FV36" s="2"/>
      <c r="FW36" s="2"/>
      <c r="FX36" s="2"/>
      <c r="FY36" s="2"/>
      <c r="FZ36" s="2"/>
      <c r="GA36" s="2"/>
      <c r="GB36" s="2"/>
      <c r="GC36" s="2"/>
      <c r="GD36" s="2"/>
      <c r="GE36" s="2"/>
      <c r="GF36" s="2"/>
      <c r="GG36" s="2"/>
      <c r="GH36" s="2"/>
      <c r="GI36" s="2"/>
      <c r="GJ36" s="2"/>
      <c r="GK36" s="2"/>
      <c r="GL36" s="2"/>
      <c r="GM36" s="2"/>
      <c r="GN36" s="2"/>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row>
    <row r="37" spans="1:255" ht="13.5">
      <c r="B37" s="5"/>
      <c r="C37" s="5"/>
      <c r="D37" s="5"/>
      <c r="E37" s="40"/>
      <c r="F37" s="40"/>
      <c r="G37" s="40"/>
      <c r="H37" s="40"/>
      <c r="I37" s="40"/>
      <c r="J37" s="40"/>
      <c r="K37" s="40"/>
      <c r="L37" s="40"/>
      <c r="M37" s="40"/>
      <c r="N37" s="40"/>
      <c r="O37" s="40"/>
      <c r="P37" s="40"/>
      <c r="Q37" s="40"/>
      <c r="R37" s="40"/>
      <c r="S37" s="40"/>
      <c r="T37" s="40"/>
      <c r="U37" s="40"/>
      <c r="V37" s="40"/>
      <c r="W37" s="40"/>
      <c r="X37" s="40"/>
      <c r="Y37" s="40"/>
      <c r="Z37" s="40"/>
      <c r="AA37" s="40"/>
      <c r="AB37" s="40"/>
      <c r="AC37" s="40"/>
      <c r="AD37" s="40"/>
      <c r="AE37" s="40"/>
      <c r="AF37" s="40"/>
      <c r="AG37" s="40"/>
      <c r="AH37" s="40"/>
      <c r="AI37" s="40"/>
      <c r="AJ37" s="40"/>
      <c r="AK37" s="40"/>
      <c r="AL37" s="40"/>
      <c r="AM37" s="40"/>
      <c r="AN37" s="40"/>
      <c r="AO37" s="40"/>
      <c r="AP37" s="40"/>
      <c r="AQ37" s="40"/>
      <c r="AR37" s="40"/>
      <c r="AS37" s="40"/>
      <c r="AT37" s="40"/>
      <c r="AU37" s="40"/>
      <c r="AV37" s="40"/>
      <c r="AW37" s="40"/>
      <c r="AX37" s="40"/>
      <c r="AY37" s="40"/>
      <c r="AZ37" s="40"/>
      <c r="BA37" s="40"/>
      <c r="BB37" s="40"/>
    </row>
    <row r="38" spans="1:255">
      <c r="B38" s="5"/>
      <c r="C38" s="5"/>
      <c r="D38" s="5"/>
      <c r="E38" s="5"/>
      <c r="F38" s="5"/>
      <c r="G38" s="5"/>
      <c r="H38" s="5"/>
      <c r="I38" s="5"/>
      <c r="J38" s="5"/>
      <c r="K38" s="5"/>
      <c r="L38" s="5"/>
      <c r="M38" s="5"/>
      <c r="N38" s="5"/>
      <c r="O38" s="5"/>
      <c r="P38" s="5"/>
      <c r="Q38" s="5"/>
      <c r="R38" s="5"/>
      <c r="S38" s="5"/>
      <c r="T38" s="5"/>
      <c r="U38" s="5"/>
      <c r="V38" s="5"/>
      <c r="W38" s="5"/>
      <c r="X38" s="5"/>
      <c r="Y38" s="5"/>
      <c r="Z38" s="5"/>
      <c r="AA38" s="5"/>
      <c r="AB38" s="5"/>
      <c r="AC38" s="5"/>
      <c r="AD38" s="5"/>
      <c r="AE38" s="5"/>
      <c r="AF38" s="5"/>
      <c r="AG38" s="5"/>
      <c r="AH38" s="5"/>
      <c r="AI38" s="5"/>
      <c r="AJ38" s="5"/>
      <c r="AK38" s="5"/>
      <c r="AL38" s="5"/>
      <c r="AM38" s="5"/>
      <c r="AN38" s="5"/>
      <c r="AO38" s="5"/>
      <c r="AP38" s="5"/>
      <c r="AQ38" s="5"/>
      <c r="AR38" s="5"/>
      <c r="AS38" s="5"/>
      <c r="AT38" s="5"/>
      <c r="AU38" s="5"/>
      <c r="AV38" s="5"/>
      <c r="AW38" s="5"/>
      <c r="AX38" s="5"/>
      <c r="AY38" s="5"/>
      <c r="AZ38" s="5"/>
      <c r="BA38" s="5"/>
      <c r="BB38" s="5"/>
    </row>
    <row r="39" spans="1:255">
      <c r="B39" s="5"/>
      <c r="C39" s="5"/>
      <c r="D39" s="5"/>
      <c r="E39" s="41"/>
      <c r="F39" s="41"/>
      <c r="G39" s="41"/>
      <c r="H39" s="41"/>
      <c r="I39" s="41"/>
      <c r="J39" s="41"/>
      <c r="K39" s="41"/>
      <c r="L39" s="41"/>
      <c r="M39" s="41"/>
      <c r="N39" s="41"/>
      <c r="O39" s="41"/>
      <c r="P39" s="41"/>
      <c r="Q39" s="41"/>
      <c r="R39" s="41"/>
      <c r="S39" s="41"/>
      <c r="T39" s="41"/>
      <c r="U39" s="41"/>
      <c r="V39" s="41"/>
      <c r="W39" s="41"/>
      <c r="X39" s="41"/>
      <c r="Y39" s="41"/>
      <c r="Z39" s="41"/>
      <c r="AA39" s="41"/>
      <c r="AB39" s="41"/>
      <c r="AC39" s="41"/>
      <c r="AD39" s="41"/>
      <c r="AE39" s="41"/>
      <c r="AF39" s="41"/>
      <c r="AG39" s="41"/>
      <c r="AH39" s="41"/>
      <c r="AI39" s="41"/>
      <c r="AJ39" s="41"/>
      <c r="AK39" s="41"/>
      <c r="AL39" s="41"/>
      <c r="AM39" s="41"/>
      <c r="AN39" s="41"/>
      <c r="AO39" s="41"/>
      <c r="AP39" s="41"/>
      <c r="AQ39" s="41"/>
      <c r="AR39" s="41"/>
      <c r="AS39" s="41"/>
      <c r="AT39" s="41"/>
      <c r="AU39" s="41"/>
      <c r="AV39" s="41"/>
      <c r="AW39" s="41"/>
      <c r="AX39" s="41"/>
      <c r="AY39" s="41"/>
      <c r="AZ39" s="41"/>
      <c r="BA39" s="41"/>
      <c r="BB39" s="41"/>
    </row>
    <row r="40" spans="1:255">
      <c r="B40" s="5"/>
      <c r="C40" s="5"/>
      <c r="D40" s="5"/>
      <c r="E40" s="41"/>
      <c r="F40" s="41"/>
      <c r="G40" s="41"/>
      <c r="H40" s="41"/>
      <c r="I40" s="41"/>
      <c r="J40" s="41"/>
      <c r="K40" s="41"/>
      <c r="L40" s="41"/>
      <c r="M40" s="41"/>
      <c r="N40" s="41"/>
      <c r="O40" s="41"/>
      <c r="P40" s="41"/>
      <c r="Q40" s="41"/>
      <c r="R40" s="41"/>
      <c r="S40" s="41"/>
      <c r="T40" s="41"/>
      <c r="U40" s="41"/>
      <c r="V40" s="41"/>
      <c r="W40" s="41"/>
      <c r="X40" s="41"/>
      <c r="Y40" s="41"/>
      <c r="Z40" s="41"/>
      <c r="AA40" s="41"/>
      <c r="AB40" s="41"/>
      <c r="AC40" s="41"/>
      <c r="AD40" s="41"/>
      <c r="AE40" s="41"/>
      <c r="AF40" s="41"/>
      <c r="AG40" s="41"/>
      <c r="AH40" s="41"/>
      <c r="AI40" s="41"/>
      <c r="AJ40" s="41"/>
      <c r="AK40" s="41"/>
      <c r="AL40" s="41"/>
      <c r="AM40" s="41"/>
      <c r="AN40" s="41"/>
      <c r="AO40" s="41"/>
      <c r="AP40" s="41"/>
      <c r="AQ40" s="41"/>
      <c r="AR40" s="41"/>
      <c r="AS40" s="41"/>
      <c r="AT40" s="41"/>
      <c r="AU40" s="41"/>
      <c r="AV40" s="41"/>
      <c r="AW40" s="41"/>
      <c r="AX40" s="41"/>
      <c r="AY40" s="41"/>
      <c r="AZ40" s="41"/>
      <c r="BA40" s="41"/>
      <c r="BB40" s="41"/>
    </row>
    <row r="41" spans="1:255" ht="13.5">
      <c r="B41" s="5"/>
      <c r="C41" s="5"/>
      <c r="D41" s="5"/>
      <c r="E41" s="40"/>
      <c r="F41" s="40"/>
      <c r="G41" s="40"/>
      <c r="H41" s="40"/>
      <c r="I41" s="40"/>
      <c r="J41" s="40"/>
      <c r="K41" s="40"/>
      <c r="L41" s="40"/>
      <c r="M41" s="40"/>
      <c r="N41" s="40"/>
      <c r="O41" s="40"/>
      <c r="P41" s="40"/>
      <c r="Q41" s="40"/>
      <c r="R41" s="40"/>
      <c r="S41" s="40"/>
      <c r="T41" s="40"/>
      <c r="U41" s="40"/>
      <c r="V41" s="40"/>
      <c r="W41" s="40"/>
      <c r="X41" s="40"/>
      <c r="Y41" s="40"/>
      <c r="Z41" s="40"/>
      <c r="AA41" s="40"/>
      <c r="AB41" s="40"/>
      <c r="AC41" s="40"/>
      <c r="AD41" s="40"/>
      <c r="AE41" s="40"/>
      <c r="AF41" s="40"/>
      <c r="AG41" s="40"/>
      <c r="AH41" s="40"/>
      <c r="AI41" s="40"/>
      <c r="AJ41" s="40"/>
      <c r="AK41" s="40"/>
      <c r="AL41" s="40"/>
      <c r="AM41" s="40"/>
      <c r="AN41" s="40"/>
      <c r="AO41" s="40"/>
      <c r="AP41" s="40"/>
      <c r="AQ41" s="40"/>
      <c r="AR41" s="40"/>
      <c r="AS41" s="40"/>
      <c r="AT41" s="40"/>
      <c r="AU41" s="40"/>
      <c r="AV41" s="40"/>
      <c r="AW41" s="40"/>
      <c r="AX41" s="40"/>
      <c r="AY41" s="40"/>
      <c r="AZ41" s="40"/>
      <c r="BA41" s="40"/>
      <c r="BB41" s="40"/>
    </row>
    <row r="42" spans="1:255" ht="13.5">
      <c r="B42" s="5"/>
      <c r="C42" s="5"/>
      <c r="D42" s="5"/>
      <c r="E42" s="40"/>
      <c r="F42" s="40"/>
      <c r="G42" s="40"/>
      <c r="H42" s="40"/>
      <c r="I42" s="40"/>
      <c r="J42" s="40"/>
      <c r="K42" s="40"/>
      <c r="L42" s="40"/>
      <c r="M42" s="40"/>
      <c r="N42" s="40"/>
      <c r="O42" s="40"/>
      <c r="P42" s="40"/>
      <c r="Q42" s="40"/>
      <c r="R42" s="40"/>
      <c r="S42" s="40"/>
      <c r="T42" s="40"/>
      <c r="U42" s="40"/>
      <c r="V42" s="40"/>
      <c r="W42" s="40"/>
      <c r="X42" s="40"/>
      <c r="Y42" s="40"/>
      <c r="Z42" s="40"/>
      <c r="AA42" s="40"/>
      <c r="AB42" s="40"/>
      <c r="AC42" s="40"/>
      <c r="AD42" s="40"/>
      <c r="AE42" s="40"/>
      <c r="AF42" s="40"/>
      <c r="AG42" s="40"/>
      <c r="AH42" s="40"/>
      <c r="AI42" s="40"/>
      <c r="AJ42" s="40"/>
      <c r="AK42" s="40"/>
      <c r="AL42" s="40"/>
      <c r="AM42" s="40"/>
      <c r="AN42" s="40"/>
      <c r="AO42" s="40"/>
      <c r="AP42" s="40"/>
      <c r="AQ42" s="40"/>
      <c r="AR42" s="40"/>
      <c r="AS42" s="40"/>
      <c r="AT42" s="40"/>
      <c r="AU42" s="40"/>
      <c r="AV42" s="40"/>
      <c r="AW42" s="40"/>
      <c r="AX42" s="40"/>
      <c r="AY42" s="40"/>
      <c r="AZ42" s="40"/>
      <c r="BA42" s="40"/>
      <c r="BB42" s="40"/>
    </row>
    <row r="43" spans="1:255" ht="13.5">
      <c r="B43" s="5"/>
      <c r="C43" s="5"/>
      <c r="D43" s="5"/>
      <c r="E43" s="40"/>
      <c r="F43" s="40"/>
      <c r="G43" s="40"/>
      <c r="H43" s="40"/>
      <c r="I43" s="40"/>
      <c r="J43" s="40"/>
      <c r="K43" s="40"/>
      <c r="L43" s="40"/>
      <c r="M43" s="40"/>
      <c r="N43" s="40"/>
      <c r="O43" s="40"/>
      <c r="P43" s="40"/>
      <c r="Q43" s="40"/>
      <c r="R43" s="40"/>
      <c r="S43" s="40"/>
      <c r="T43" s="40"/>
      <c r="U43" s="40"/>
      <c r="V43" s="40"/>
      <c r="W43" s="40"/>
      <c r="X43" s="40"/>
      <c r="Y43" s="40"/>
      <c r="Z43" s="40"/>
      <c r="AA43" s="40"/>
      <c r="AB43" s="40"/>
      <c r="AC43" s="40"/>
      <c r="AD43" s="40"/>
      <c r="AE43" s="40"/>
      <c r="AF43" s="40"/>
      <c r="AG43" s="40"/>
      <c r="AH43" s="40"/>
      <c r="AI43" s="40"/>
      <c r="AJ43" s="40"/>
      <c r="AK43" s="40"/>
      <c r="AL43" s="40"/>
      <c r="AM43" s="40"/>
      <c r="AN43" s="40"/>
      <c r="AO43" s="40"/>
      <c r="AP43" s="40"/>
      <c r="AQ43" s="40"/>
      <c r="AR43" s="40"/>
      <c r="AS43" s="40"/>
      <c r="AT43" s="40"/>
      <c r="AU43" s="40"/>
      <c r="AV43" s="40"/>
      <c r="AW43" s="40"/>
      <c r="AX43" s="40"/>
      <c r="AY43" s="40"/>
      <c r="AZ43" s="40"/>
      <c r="BA43" s="40"/>
      <c r="BB43" s="40"/>
    </row>
    <row r="44" spans="1:255" ht="13.5">
      <c r="B44" s="5"/>
      <c r="C44" s="5"/>
      <c r="D44" s="5"/>
      <c r="E44" s="40"/>
      <c r="F44" s="40"/>
      <c r="G44" s="40"/>
      <c r="H44" s="40"/>
      <c r="I44" s="40"/>
      <c r="J44" s="40"/>
      <c r="K44" s="40"/>
      <c r="L44" s="40"/>
      <c r="M44" s="40"/>
      <c r="N44" s="40"/>
      <c r="O44" s="40"/>
      <c r="P44" s="40"/>
      <c r="Q44" s="40"/>
      <c r="R44" s="40"/>
      <c r="S44" s="40"/>
      <c r="T44" s="40"/>
      <c r="U44" s="40"/>
      <c r="V44" s="40"/>
      <c r="W44" s="40"/>
      <c r="X44" s="40"/>
      <c r="Y44" s="40"/>
      <c r="Z44" s="40"/>
      <c r="AA44" s="40"/>
      <c r="AB44" s="40"/>
      <c r="AC44" s="40"/>
      <c r="AD44" s="40"/>
      <c r="AE44" s="40"/>
      <c r="AF44" s="40"/>
      <c r="AG44" s="40"/>
      <c r="AH44" s="40"/>
      <c r="AI44" s="40"/>
      <c r="AJ44" s="40"/>
      <c r="AK44" s="40"/>
      <c r="AL44" s="40"/>
      <c r="AM44" s="40"/>
      <c r="AN44" s="40"/>
      <c r="AO44" s="40"/>
      <c r="AP44" s="40"/>
      <c r="AQ44" s="40"/>
      <c r="AR44" s="40"/>
      <c r="AS44" s="40"/>
      <c r="AT44" s="40"/>
      <c r="AU44" s="40"/>
      <c r="AV44" s="40"/>
      <c r="AW44" s="40"/>
      <c r="AX44" s="40"/>
      <c r="AY44" s="40"/>
      <c r="AZ44" s="40"/>
      <c r="BA44" s="40"/>
      <c r="BB44" s="40"/>
    </row>
    <row r="45" spans="1:255" ht="13.5">
      <c r="B45" s="5"/>
      <c r="C45" s="5"/>
      <c r="D45" s="5"/>
      <c r="E45" s="40"/>
      <c r="F45" s="40"/>
      <c r="G45" s="40"/>
      <c r="H45" s="40"/>
      <c r="I45" s="40"/>
      <c r="J45" s="40"/>
      <c r="K45" s="40"/>
      <c r="L45" s="40"/>
      <c r="M45" s="40"/>
      <c r="N45" s="40"/>
      <c r="O45" s="40"/>
      <c r="P45" s="40"/>
      <c r="Q45" s="40"/>
      <c r="R45" s="40"/>
      <c r="S45" s="40"/>
      <c r="T45" s="40"/>
      <c r="U45" s="40"/>
      <c r="V45" s="40"/>
      <c r="W45" s="40"/>
      <c r="X45" s="40"/>
      <c r="Y45" s="40"/>
      <c r="Z45" s="40"/>
      <c r="AA45" s="40"/>
      <c r="AB45" s="40"/>
      <c r="AC45" s="40"/>
      <c r="AD45" s="40"/>
      <c r="AE45" s="40"/>
      <c r="AF45" s="40"/>
      <c r="AG45" s="40"/>
      <c r="AH45" s="40"/>
      <c r="AI45" s="40"/>
      <c r="AJ45" s="40"/>
      <c r="AK45" s="40"/>
      <c r="AL45" s="40"/>
      <c r="AM45" s="40"/>
      <c r="AN45" s="40"/>
      <c r="AO45" s="40"/>
      <c r="AP45" s="40"/>
      <c r="AQ45" s="40"/>
      <c r="AR45" s="40"/>
      <c r="AS45" s="40"/>
      <c r="AT45" s="40"/>
      <c r="AU45" s="40"/>
      <c r="AV45" s="40"/>
      <c r="AW45" s="40"/>
      <c r="AX45" s="40"/>
      <c r="AY45" s="40"/>
      <c r="AZ45" s="40"/>
      <c r="BA45" s="40"/>
      <c r="BB45" s="40"/>
    </row>
    <row r="46" spans="1:255" ht="13.5">
      <c r="B46" s="5"/>
      <c r="C46" s="5"/>
      <c r="D46" s="5"/>
      <c r="E46" s="40"/>
      <c r="F46" s="40"/>
      <c r="G46" s="40"/>
      <c r="H46" s="40"/>
      <c r="I46" s="40"/>
      <c r="J46" s="40"/>
      <c r="K46" s="40"/>
      <c r="L46" s="40"/>
      <c r="M46" s="40"/>
      <c r="N46" s="40"/>
      <c r="O46" s="40"/>
      <c r="P46" s="40"/>
      <c r="Q46" s="40"/>
      <c r="R46" s="40"/>
      <c r="S46" s="40"/>
      <c r="T46" s="40"/>
      <c r="U46" s="40"/>
      <c r="V46" s="40"/>
      <c r="W46" s="40"/>
      <c r="X46" s="40"/>
      <c r="Y46" s="40"/>
      <c r="Z46" s="40"/>
      <c r="AA46" s="40"/>
      <c r="AB46" s="40"/>
      <c r="AC46" s="40"/>
      <c r="AD46" s="40"/>
      <c r="AE46" s="40"/>
      <c r="AF46" s="40"/>
      <c r="AG46" s="40"/>
      <c r="AH46" s="40"/>
      <c r="AI46" s="40"/>
      <c r="AJ46" s="40"/>
      <c r="AK46" s="40"/>
      <c r="AL46" s="40"/>
      <c r="AM46" s="40"/>
      <c r="AN46" s="40"/>
      <c r="AO46" s="40"/>
      <c r="AP46" s="40"/>
      <c r="AQ46" s="40"/>
      <c r="AR46" s="40"/>
      <c r="AS46" s="40"/>
      <c r="AT46" s="40"/>
      <c r="AU46" s="40"/>
      <c r="AV46" s="40"/>
      <c r="AW46" s="40"/>
      <c r="AX46" s="40"/>
      <c r="AY46" s="40"/>
      <c r="AZ46" s="40"/>
      <c r="BA46" s="40"/>
      <c r="BB46" s="40"/>
    </row>
    <row r="47" spans="1:255">
      <c r="B47" s="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row>
    <row r="48" spans="1:255">
      <c r="B48" s="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row>
    <row r="49" spans="2:54">
      <c r="B49" s="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row>
    <row r="50" spans="2:54">
      <c r="B50" s="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row>
    <row r="51" spans="2:54">
      <c r="B51" s="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row>
    <row r="52" spans="2:54">
      <c r="B52" s="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row>
    <row r="53" spans="2:54">
      <c r="B53" s="5"/>
      <c r="C53" s="5"/>
      <c r="D53" s="5"/>
      <c r="E53" s="41"/>
      <c r="F53" s="41"/>
      <c r="G53" s="41"/>
      <c r="H53" s="41"/>
      <c r="I53" s="41"/>
      <c r="J53" s="41"/>
      <c r="K53" s="41"/>
      <c r="L53" s="41"/>
      <c r="M53" s="41"/>
      <c r="N53" s="41"/>
      <c r="O53" s="41"/>
      <c r="P53" s="41"/>
      <c r="Q53" s="41"/>
      <c r="R53" s="41"/>
      <c r="S53" s="41"/>
      <c r="T53" s="41"/>
      <c r="U53" s="41"/>
      <c r="V53" s="41"/>
      <c r="W53" s="41"/>
      <c r="X53" s="41"/>
      <c r="Y53" s="41"/>
      <c r="Z53" s="41"/>
      <c r="AA53" s="41"/>
      <c r="AB53" s="41"/>
      <c r="AC53" s="41"/>
      <c r="AD53" s="41"/>
      <c r="AE53" s="41"/>
      <c r="AF53" s="41"/>
      <c r="AG53" s="41"/>
      <c r="AH53" s="41"/>
      <c r="AI53" s="41"/>
      <c r="AJ53" s="41"/>
      <c r="AK53" s="41"/>
      <c r="AL53" s="41"/>
      <c r="AM53" s="41"/>
      <c r="AN53" s="41"/>
      <c r="AO53" s="41"/>
      <c r="AP53" s="41"/>
      <c r="AQ53" s="41"/>
      <c r="AR53" s="41"/>
      <c r="AS53" s="41"/>
      <c r="AT53" s="41"/>
      <c r="AU53" s="41"/>
      <c r="AV53" s="41"/>
      <c r="AW53" s="41"/>
      <c r="AX53" s="41"/>
      <c r="AY53" s="41"/>
      <c r="AZ53" s="41"/>
      <c r="BA53" s="41"/>
      <c r="BB53" s="41"/>
    </row>
    <row r="54" spans="2:54" ht="13.5">
      <c r="E54" s="42"/>
      <c r="F54" s="42"/>
      <c r="G54" s="42"/>
      <c r="H54" s="42"/>
      <c r="I54" s="42"/>
      <c r="J54" s="42"/>
      <c r="K54" s="42"/>
      <c r="L54" s="42"/>
      <c r="M54" s="42"/>
      <c r="N54" s="42"/>
      <c r="O54" s="42"/>
      <c r="P54" s="42"/>
      <c r="Q54" s="42"/>
      <c r="R54" s="42"/>
      <c r="S54" s="42"/>
      <c r="T54" s="42"/>
      <c r="U54" s="42"/>
      <c r="V54" s="42"/>
      <c r="W54" s="42"/>
      <c r="X54" s="42"/>
      <c r="Y54" s="42"/>
      <c r="Z54" s="42"/>
      <c r="AA54" s="42"/>
      <c r="AB54" s="42"/>
      <c r="AC54" s="42"/>
      <c r="AD54" s="42"/>
      <c r="AE54" s="42"/>
      <c r="AF54" s="42"/>
      <c r="AG54" s="42"/>
      <c r="AH54" s="42"/>
      <c r="AI54" s="42"/>
      <c r="AJ54" s="42"/>
      <c r="AK54" s="42"/>
      <c r="AL54" s="42"/>
      <c r="AM54" s="42"/>
      <c r="AN54" s="42"/>
      <c r="AO54" s="42"/>
      <c r="AP54" s="42"/>
      <c r="AQ54" s="42"/>
      <c r="AR54" s="42"/>
      <c r="AS54" s="42"/>
      <c r="AT54" s="42"/>
      <c r="AU54" s="42"/>
      <c r="AV54" s="42"/>
      <c r="AW54" s="42"/>
      <c r="AX54" s="42"/>
      <c r="AY54" s="42"/>
      <c r="AZ54" s="42"/>
      <c r="BA54" s="42"/>
      <c r="BB54" s="42"/>
    </row>
  </sheetData>
  <mergeCells count="37">
    <mergeCell ref="B26:AD27"/>
    <mergeCell ref="AE26:AM27"/>
    <mergeCell ref="AN26:AV27"/>
    <mergeCell ref="AW26:BB27"/>
    <mergeCell ref="A6:K6"/>
    <mergeCell ref="L6:O6"/>
    <mergeCell ref="P6:U6"/>
    <mergeCell ref="V6:BB6"/>
    <mergeCell ref="B11:BB20"/>
    <mergeCell ref="AE28:AM28"/>
    <mergeCell ref="AN28:AV28"/>
    <mergeCell ref="AW28:BB28"/>
    <mergeCell ref="AE29:AM29"/>
    <mergeCell ref="AN29:AV29"/>
    <mergeCell ref="AW29:BB29"/>
    <mergeCell ref="AE30:AM30"/>
    <mergeCell ref="AN30:AV30"/>
    <mergeCell ref="AW30:BB30"/>
    <mergeCell ref="AE31:AM31"/>
    <mergeCell ref="AN31:AV31"/>
    <mergeCell ref="AW31:BB31"/>
    <mergeCell ref="AE32:AM32"/>
    <mergeCell ref="AN32:AV32"/>
    <mergeCell ref="AW32:BB32"/>
    <mergeCell ref="AE33:AM33"/>
    <mergeCell ref="AN33:AV33"/>
    <mergeCell ref="AW33:BB33"/>
    <mergeCell ref="B36:AD36"/>
    <mergeCell ref="AE36:AM36"/>
    <mergeCell ref="AN36:AV36"/>
    <mergeCell ref="AW36:BB36"/>
    <mergeCell ref="AE34:AM34"/>
    <mergeCell ref="AN34:AV34"/>
    <mergeCell ref="AW34:BB34"/>
    <mergeCell ref="AE35:AM35"/>
    <mergeCell ref="AN35:AV35"/>
    <mergeCell ref="AW35:BB35"/>
  </mergeCells>
  <phoneticPr fontId="2"/>
  <dataValidations count="1">
    <dataValidation type="list" allowBlank="1" showInputMessage="1" showErrorMessage="1" sqref="AN26:AV27 KJ26:KR27 UF26:UN27 AEB26:AEJ27 ANX26:AOF27 AXT26:AYB27 BHP26:BHX27 BRL26:BRT27 CBH26:CBP27 CLD26:CLL27 CUZ26:CVH27 DEV26:DFD27 DOR26:DOZ27 DYN26:DYV27 EIJ26:EIR27 ESF26:ESN27 FCB26:FCJ27 FLX26:FMF27 FVT26:FWB27 GFP26:GFX27 GPL26:GPT27 GZH26:GZP27 HJD26:HJL27 HSZ26:HTH27 ICV26:IDD27 IMR26:IMZ27 IWN26:IWV27 JGJ26:JGR27 JQF26:JQN27 KAB26:KAJ27 KJX26:KKF27 KTT26:KUB27 LDP26:LDX27 LNL26:LNT27 LXH26:LXP27 MHD26:MHL27 MQZ26:MRH27 NAV26:NBD27 NKR26:NKZ27 NUN26:NUV27 OEJ26:OER27 OOF26:OON27 OYB26:OYJ27 PHX26:PIF27 PRT26:PSB27 QBP26:QBX27 QLL26:QLT27 QVH26:QVP27 RFD26:RFL27 ROZ26:RPH27 RYV26:RZD27 SIR26:SIZ27 SSN26:SSV27 TCJ26:TCR27 TMF26:TMN27 TWB26:TWJ27 UFX26:UGF27 UPT26:UQB27 UZP26:UZX27 VJL26:VJT27 VTH26:VTP27 WDD26:WDL27 WMZ26:WNH27 WWV26:WXD27 AN65562:AV65563 KJ65562:KR65563 UF65562:UN65563 AEB65562:AEJ65563 ANX65562:AOF65563 AXT65562:AYB65563 BHP65562:BHX65563 BRL65562:BRT65563 CBH65562:CBP65563 CLD65562:CLL65563 CUZ65562:CVH65563 DEV65562:DFD65563 DOR65562:DOZ65563 DYN65562:DYV65563 EIJ65562:EIR65563 ESF65562:ESN65563 FCB65562:FCJ65563 FLX65562:FMF65563 FVT65562:FWB65563 GFP65562:GFX65563 GPL65562:GPT65563 GZH65562:GZP65563 HJD65562:HJL65563 HSZ65562:HTH65563 ICV65562:IDD65563 IMR65562:IMZ65563 IWN65562:IWV65563 JGJ65562:JGR65563 JQF65562:JQN65563 KAB65562:KAJ65563 KJX65562:KKF65563 KTT65562:KUB65563 LDP65562:LDX65563 LNL65562:LNT65563 LXH65562:LXP65563 MHD65562:MHL65563 MQZ65562:MRH65563 NAV65562:NBD65563 NKR65562:NKZ65563 NUN65562:NUV65563 OEJ65562:OER65563 OOF65562:OON65563 OYB65562:OYJ65563 PHX65562:PIF65563 PRT65562:PSB65563 QBP65562:QBX65563 QLL65562:QLT65563 QVH65562:QVP65563 RFD65562:RFL65563 ROZ65562:RPH65563 RYV65562:RZD65563 SIR65562:SIZ65563 SSN65562:SSV65563 TCJ65562:TCR65563 TMF65562:TMN65563 TWB65562:TWJ65563 UFX65562:UGF65563 UPT65562:UQB65563 UZP65562:UZX65563 VJL65562:VJT65563 VTH65562:VTP65563 WDD65562:WDL65563 WMZ65562:WNH65563 WWV65562:WXD65563 AN131098:AV131099 KJ131098:KR131099 UF131098:UN131099 AEB131098:AEJ131099 ANX131098:AOF131099 AXT131098:AYB131099 BHP131098:BHX131099 BRL131098:BRT131099 CBH131098:CBP131099 CLD131098:CLL131099 CUZ131098:CVH131099 DEV131098:DFD131099 DOR131098:DOZ131099 DYN131098:DYV131099 EIJ131098:EIR131099 ESF131098:ESN131099 FCB131098:FCJ131099 FLX131098:FMF131099 FVT131098:FWB131099 GFP131098:GFX131099 GPL131098:GPT131099 GZH131098:GZP131099 HJD131098:HJL131099 HSZ131098:HTH131099 ICV131098:IDD131099 IMR131098:IMZ131099 IWN131098:IWV131099 JGJ131098:JGR131099 JQF131098:JQN131099 KAB131098:KAJ131099 KJX131098:KKF131099 KTT131098:KUB131099 LDP131098:LDX131099 LNL131098:LNT131099 LXH131098:LXP131099 MHD131098:MHL131099 MQZ131098:MRH131099 NAV131098:NBD131099 NKR131098:NKZ131099 NUN131098:NUV131099 OEJ131098:OER131099 OOF131098:OON131099 OYB131098:OYJ131099 PHX131098:PIF131099 PRT131098:PSB131099 QBP131098:QBX131099 QLL131098:QLT131099 QVH131098:QVP131099 RFD131098:RFL131099 ROZ131098:RPH131099 RYV131098:RZD131099 SIR131098:SIZ131099 SSN131098:SSV131099 TCJ131098:TCR131099 TMF131098:TMN131099 TWB131098:TWJ131099 UFX131098:UGF131099 UPT131098:UQB131099 UZP131098:UZX131099 VJL131098:VJT131099 VTH131098:VTP131099 WDD131098:WDL131099 WMZ131098:WNH131099 WWV131098:WXD131099 AN196634:AV196635 KJ196634:KR196635 UF196634:UN196635 AEB196634:AEJ196635 ANX196634:AOF196635 AXT196634:AYB196635 BHP196634:BHX196635 BRL196634:BRT196635 CBH196634:CBP196635 CLD196634:CLL196635 CUZ196634:CVH196635 DEV196634:DFD196635 DOR196634:DOZ196635 DYN196634:DYV196635 EIJ196634:EIR196635 ESF196634:ESN196635 FCB196634:FCJ196635 FLX196634:FMF196635 FVT196634:FWB196635 GFP196634:GFX196635 GPL196634:GPT196635 GZH196634:GZP196635 HJD196634:HJL196635 HSZ196634:HTH196635 ICV196634:IDD196635 IMR196634:IMZ196635 IWN196634:IWV196635 JGJ196634:JGR196635 JQF196634:JQN196635 KAB196634:KAJ196635 KJX196634:KKF196635 KTT196634:KUB196635 LDP196634:LDX196635 LNL196634:LNT196635 LXH196634:LXP196635 MHD196634:MHL196635 MQZ196634:MRH196635 NAV196634:NBD196635 NKR196634:NKZ196635 NUN196634:NUV196635 OEJ196634:OER196635 OOF196634:OON196635 OYB196634:OYJ196635 PHX196634:PIF196635 PRT196634:PSB196635 QBP196634:QBX196635 QLL196634:QLT196635 QVH196634:QVP196635 RFD196634:RFL196635 ROZ196634:RPH196635 RYV196634:RZD196635 SIR196634:SIZ196635 SSN196634:SSV196635 TCJ196634:TCR196635 TMF196634:TMN196635 TWB196634:TWJ196635 UFX196634:UGF196635 UPT196634:UQB196635 UZP196634:UZX196635 VJL196634:VJT196635 VTH196634:VTP196635 WDD196634:WDL196635 WMZ196634:WNH196635 WWV196634:WXD196635 AN262170:AV262171 KJ262170:KR262171 UF262170:UN262171 AEB262170:AEJ262171 ANX262170:AOF262171 AXT262170:AYB262171 BHP262170:BHX262171 BRL262170:BRT262171 CBH262170:CBP262171 CLD262170:CLL262171 CUZ262170:CVH262171 DEV262170:DFD262171 DOR262170:DOZ262171 DYN262170:DYV262171 EIJ262170:EIR262171 ESF262170:ESN262171 FCB262170:FCJ262171 FLX262170:FMF262171 FVT262170:FWB262171 GFP262170:GFX262171 GPL262170:GPT262171 GZH262170:GZP262171 HJD262170:HJL262171 HSZ262170:HTH262171 ICV262170:IDD262171 IMR262170:IMZ262171 IWN262170:IWV262171 JGJ262170:JGR262171 JQF262170:JQN262171 KAB262170:KAJ262171 KJX262170:KKF262171 KTT262170:KUB262171 LDP262170:LDX262171 LNL262170:LNT262171 LXH262170:LXP262171 MHD262170:MHL262171 MQZ262170:MRH262171 NAV262170:NBD262171 NKR262170:NKZ262171 NUN262170:NUV262171 OEJ262170:OER262171 OOF262170:OON262171 OYB262170:OYJ262171 PHX262170:PIF262171 PRT262170:PSB262171 QBP262170:QBX262171 QLL262170:QLT262171 QVH262170:QVP262171 RFD262170:RFL262171 ROZ262170:RPH262171 RYV262170:RZD262171 SIR262170:SIZ262171 SSN262170:SSV262171 TCJ262170:TCR262171 TMF262170:TMN262171 TWB262170:TWJ262171 UFX262170:UGF262171 UPT262170:UQB262171 UZP262170:UZX262171 VJL262170:VJT262171 VTH262170:VTP262171 WDD262170:WDL262171 WMZ262170:WNH262171 WWV262170:WXD262171 AN327706:AV327707 KJ327706:KR327707 UF327706:UN327707 AEB327706:AEJ327707 ANX327706:AOF327707 AXT327706:AYB327707 BHP327706:BHX327707 BRL327706:BRT327707 CBH327706:CBP327707 CLD327706:CLL327707 CUZ327706:CVH327707 DEV327706:DFD327707 DOR327706:DOZ327707 DYN327706:DYV327707 EIJ327706:EIR327707 ESF327706:ESN327707 FCB327706:FCJ327707 FLX327706:FMF327707 FVT327706:FWB327707 GFP327706:GFX327707 GPL327706:GPT327707 GZH327706:GZP327707 HJD327706:HJL327707 HSZ327706:HTH327707 ICV327706:IDD327707 IMR327706:IMZ327707 IWN327706:IWV327707 JGJ327706:JGR327707 JQF327706:JQN327707 KAB327706:KAJ327707 KJX327706:KKF327707 KTT327706:KUB327707 LDP327706:LDX327707 LNL327706:LNT327707 LXH327706:LXP327707 MHD327706:MHL327707 MQZ327706:MRH327707 NAV327706:NBD327707 NKR327706:NKZ327707 NUN327706:NUV327707 OEJ327706:OER327707 OOF327706:OON327707 OYB327706:OYJ327707 PHX327706:PIF327707 PRT327706:PSB327707 QBP327706:QBX327707 QLL327706:QLT327707 QVH327706:QVP327707 RFD327706:RFL327707 ROZ327706:RPH327707 RYV327706:RZD327707 SIR327706:SIZ327707 SSN327706:SSV327707 TCJ327706:TCR327707 TMF327706:TMN327707 TWB327706:TWJ327707 UFX327706:UGF327707 UPT327706:UQB327707 UZP327706:UZX327707 VJL327706:VJT327707 VTH327706:VTP327707 WDD327706:WDL327707 WMZ327706:WNH327707 WWV327706:WXD327707 AN393242:AV393243 KJ393242:KR393243 UF393242:UN393243 AEB393242:AEJ393243 ANX393242:AOF393243 AXT393242:AYB393243 BHP393242:BHX393243 BRL393242:BRT393243 CBH393242:CBP393243 CLD393242:CLL393243 CUZ393242:CVH393243 DEV393242:DFD393243 DOR393242:DOZ393243 DYN393242:DYV393243 EIJ393242:EIR393243 ESF393242:ESN393243 FCB393242:FCJ393243 FLX393242:FMF393243 FVT393242:FWB393243 GFP393242:GFX393243 GPL393242:GPT393243 GZH393242:GZP393243 HJD393242:HJL393243 HSZ393242:HTH393243 ICV393242:IDD393243 IMR393242:IMZ393243 IWN393242:IWV393243 JGJ393242:JGR393243 JQF393242:JQN393243 KAB393242:KAJ393243 KJX393242:KKF393243 KTT393242:KUB393243 LDP393242:LDX393243 LNL393242:LNT393243 LXH393242:LXP393243 MHD393242:MHL393243 MQZ393242:MRH393243 NAV393242:NBD393243 NKR393242:NKZ393243 NUN393242:NUV393243 OEJ393242:OER393243 OOF393242:OON393243 OYB393242:OYJ393243 PHX393242:PIF393243 PRT393242:PSB393243 QBP393242:QBX393243 QLL393242:QLT393243 QVH393242:QVP393243 RFD393242:RFL393243 ROZ393242:RPH393243 RYV393242:RZD393243 SIR393242:SIZ393243 SSN393242:SSV393243 TCJ393242:TCR393243 TMF393242:TMN393243 TWB393242:TWJ393243 UFX393242:UGF393243 UPT393242:UQB393243 UZP393242:UZX393243 VJL393242:VJT393243 VTH393242:VTP393243 WDD393242:WDL393243 WMZ393242:WNH393243 WWV393242:WXD393243 AN458778:AV458779 KJ458778:KR458779 UF458778:UN458779 AEB458778:AEJ458779 ANX458778:AOF458779 AXT458778:AYB458779 BHP458778:BHX458779 BRL458778:BRT458779 CBH458778:CBP458779 CLD458778:CLL458779 CUZ458778:CVH458779 DEV458778:DFD458779 DOR458778:DOZ458779 DYN458778:DYV458779 EIJ458778:EIR458779 ESF458778:ESN458779 FCB458778:FCJ458779 FLX458778:FMF458779 FVT458778:FWB458779 GFP458778:GFX458779 GPL458778:GPT458779 GZH458778:GZP458779 HJD458778:HJL458779 HSZ458778:HTH458779 ICV458778:IDD458779 IMR458778:IMZ458779 IWN458778:IWV458779 JGJ458778:JGR458779 JQF458778:JQN458779 KAB458778:KAJ458779 KJX458778:KKF458779 KTT458778:KUB458779 LDP458778:LDX458779 LNL458778:LNT458779 LXH458778:LXP458779 MHD458778:MHL458779 MQZ458778:MRH458779 NAV458778:NBD458779 NKR458778:NKZ458779 NUN458778:NUV458779 OEJ458778:OER458779 OOF458778:OON458779 OYB458778:OYJ458779 PHX458778:PIF458779 PRT458778:PSB458779 QBP458778:QBX458779 QLL458778:QLT458779 QVH458778:QVP458779 RFD458778:RFL458779 ROZ458778:RPH458779 RYV458778:RZD458779 SIR458778:SIZ458779 SSN458778:SSV458779 TCJ458778:TCR458779 TMF458778:TMN458779 TWB458778:TWJ458779 UFX458778:UGF458779 UPT458778:UQB458779 UZP458778:UZX458779 VJL458778:VJT458779 VTH458778:VTP458779 WDD458778:WDL458779 WMZ458778:WNH458779 WWV458778:WXD458779 AN524314:AV524315 KJ524314:KR524315 UF524314:UN524315 AEB524314:AEJ524315 ANX524314:AOF524315 AXT524314:AYB524315 BHP524314:BHX524315 BRL524314:BRT524315 CBH524314:CBP524315 CLD524314:CLL524315 CUZ524314:CVH524315 DEV524314:DFD524315 DOR524314:DOZ524315 DYN524314:DYV524315 EIJ524314:EIR524315 ESF524314:ESN524315 FCB524314:FCJ524315 FLX524314:FMF524315 FVT524314:FWB524315 GFP524314:GFX524315 GPL524314:GPT524315 GZH524314:GZP524315 HJD524314:HJL524315 HSZ524314:HTH524315 ICV524314:IDD524315 IMR524314:IMZ524315 IWN524314:IWV524315 JGJ524314:JGR524315 JQF524314:JQN524315 KAB524314:KAJ524315 KJX524314:KKF524315 KTT524314:KUB524315 LDP524314:LDX524315 LNL524314:LNT524315 LXH524314:LXP524315 MHD524314:MHL524315 MQZ524314:MRH524315 NAV524314:NBD524315 NKR524314:NKZ524315 NUN524314:NUV524315 OEJ524314:OER524315 OOF524314:OON524315 OYB524314:OYJ524315 PHX524314:PIF524315 PRT524314:PSB524315 QBP524314:QBX524315 QLL524314:QLT524315 QVH524314:QVP524315 RFD524314:RFL524315 ROZ524314:RPH524315 RYV524314:RZD524315 SIR524314:SIZ524315 SSN524314:SSV524315 TCJ524314:TCR524315 TMF524314:TMN524315 TWB524314:TWJ524315 UFX524314:UGF524315 UPT524314:UQB524315 UZP524314:UZX524315 VJL524314:VJT524315 VTH524314:VTP524315 WDD524314:WDL524315 WMZ524314:WNH524315 WWV524314:WXD524315 AN589850:AV589851 KJ589850:KR589851 UF589850:UN589851 AEB589850:AEJ589851 ANX589850:AOF589851 AXT589850:AYB589851 BHP589850:BHX589851 BRL589850:BRT589851 CBH589850:CBP589851 CLD589850:CLL589851 CUZ589850:CVH589851 DEV589850:DFD589851 DOR589850:DOZ589851 DYN589850:DYV589851 EIJ589850:EIR589851 ESF589850:ESN589851 FCB589850:FCJ589851 FLX589850:FMF589851 FVT589850:FWB589851 GFP589850:GFX589851 GPL589850:GPT589851 GZH589850:GZP589851 HJD589850:HJL589851 HSZ589850:HTH589851 ICV589850:IDD589851 IMR589850:IMZ589851 IWN589850:IWV589851 JGJ589850:JGR589851 JQF589850:JQN589851 KAB589850:KAJ589851 KJX589850:KKF589851 KTT589850:KUB589851 LDP589850:LDX589851 LNL589850:LNT589851 LXH589850:LXP589851 MHD589850:MHL589851 MQZ589850:MRH589851 NAV589850:NBD589851 NKR589850:NKZ589851 NUN589850:NUV589851 OEJ589850:OER589851 OOF589850:OON589851 OYB589850:OYJ589851 PHX589850:PIF589851 PRT589850:PSB589851 QBP589850:QBX589851 QLL589850:QLT589851 QVH589850:QVP589851 RFD589850:RFL589851 ROZ589850:RPH589851 RYV589850:RZD589851 SIR589850:SIZ589851 SSN589850:SSV589851 TCJ589850:TCR589851 TMF589850:TMN589851 TWB589850:TWJ589851 UFX589850:UGF589851 UPT589850:UQB589851 UZP589850:UZX589851 VJL589850:VJT589851 VTH589850:VTP589851 WDD589850:WDL589851 WMZ589850:WNH589851 WWV589850:WXD589851 AN655386:AV655387 KJ655386:KR655387 UF655386:UN655387 AEB655386:AEJ655387 ANX655386:AOF655387 AXT655386:AYB655387 BHP655386:BHX655387 BRL655386:BRT655387 CBH655386:CBP655387 CLD655386:CLL655387 CUZ655386:CVH655387 DEV655386:DFD655387 DOR655386:DOZ655387 DYN655386:DYV655387 EIJ655386:EIR655387 ESF655386:ESN655387 FCB655386:FCJ655387 FLX655386:FMF655387 FVT655386:FWB655387 GFP655386:GFX655387 GPL655386:GPT655387 GZH655386:GZP655387 HJD655386:HJL655387 HSZ655386:HTH655387 ICV655386:IDD655387 IMR655386:IMZ655387 IWN655386:IWV655387 JGJ655386:JGR655387 JQF655386:JQN655387 KAB655386:KAJ655387 KJX655386:KKF655387 KTT655386:KUB655387 LDP655386:LDX655387 LNL655386:LNT655387 LXH655386:LXP655387 MHD655386:MHL655387 MQZ655386:MRH655387 NAV655386:NBD655387 NKR655386:NKZ655387 NUN655386:NUV655387 OEJ655386:OER655387 OOF655386:OON655387 OYB655386:OYJ655387 PHX655386:PIF655387 PRT655386:PSB655387 QBP655386:QBX655387 QLL655386:QLT655387 QVH655386:QVP655387 RFD655386:RFL655387 ROZ655386:RPH655387 RYV655386:RZD655387 SIR655386:SIZ655387 SSN655386:SSV655387 TCJ655386:TCR655387 TMF655386:TMN655387 TWB655386:TWJ655387 UFX655386:UGF655387 UPT655386:UQB655387 UZP655386:UZX655387 VJL655386:VJT655387 VTH655386:VTP655387 WDD655386:WDL655387 WMZ655386:WNH655387 WWV655386:WXD655387 AN720922:AV720923 KJ720922:KR720923 UF720922:UN720923 AEB720922:AEJ720923 ANX720922:AOF720923 AXT720922:AYB720923 BHP720922:BHX720923 BRL720922:BRT720923 CBH720922:CBP720923 CLD720922:CLL720923 CUZ720922:CVH720923 DEV720922:DFD720923 DOR720922:DOZ720923 DYN720922:DYV720923 EIJ720922:EIR720923 ESF720922:ESN720923 FCB720922:FCJ720923 FLX720922:FMF720923 FVT720922:FWB720923 GFP720922:GFX720923 GPL720922:GPT720923 GZH720922:GZP720923 HJD720922:HJL720923 HSZ720922:HTH720923 ICV720922:IDD720923 IMR720922:IMZ720923 IWN720922:IWV720923 JGJ720922:JGR720923 JQF720922:JQN720923 KAB720922:KAJ720923 KJX720922:KKF720923 KTT720922:KUB720923 LDP720922:LDX720923 LNL720922:LNT720923 LXH720922:LXP720923 MHD720922:MHL720923 MQZ720922:MRH720923 NAV720922:NBD720923 NKR720922:NKZ720923 NUN720922:NUV720923 OEJ720922:OER720923 OOF720922:OON720923 OYB720922:OYJ720923 PHX720922:PIF720923 PRT720922:PSB720923 QBP720922:QBX720923 QLL720922:QLT720923 QVH720922:QVP720923 RFD720922:RFL720923 ROZ720922:RPH720923 RYV720922:RZD720923 SIR720922:SIZ720923 SSN720922:SSV720923 TCJ720922:TCR720923 TMF720922:TMN720923 TWB720922:TWJ720923 UFX720922:UGF720923 UPT720922:UQB720923 UZP720922:UZX720923 VJL720922:VJT720923 VTH720922:VTP720923 WDD720922:WDL720923 WMZ720922:WNH720923 WWV720922:WXD720923 AN786458:AV786459 KJ786458:KR786459 UF786458:UN786459 AEB786458:AEJ786459 ANX786458:AOF786459 AXT786458:AYB786459 BHP786458:BHX786459 BRL786458:BRT786459 CBH786458:CBP786459 CLD786458:CLL786459 CUZ786458:CVH786459 DEV786458:DFD786459 DOR786458:DOZ786459 DYN786458:DYV786459 EIJ786458:EIR786459 ESF786458:ESN786459 FCB786458:FCJ786459 FLX786458:FMF786459 FVT786458:FWB786459 GFP786458:GFX786459 GPL786458:GPT786459 GZH786458:GZP786459 HJD786458:HJL786459 HSZ786458:HTH786459 ICV786458:IDD786459 IMR786458:IMZ786459 IWN786458:IWV786459 JGJ786458:JGR786459 JQF786458:JQN786459 KAB786458:KAJ786459 KJX786458:KKF786459 KTT786458:KUB786459 LDP786458:LDX786459 LNL786458:LNT786459 LXH786458:LXP786459 MHD786458:MHL786459 MQZ786458:MRH786459 NAV786458:NBD786459 NKR786458:NKZ786459 NUN786458:NUV786459 OEJ786458:OER786459 OOF786458:OON786459 OYB786458:OYJ786459 PHX786458:PIF786459 PRT786458:PSB786459 QBP786458:QBX786459 QLL786458:QLT786459 QVH786458:QVP786459 RFD786458:RFL786459 ROZ786458:RPH786459 RYV786458:RZD786459 SIR786458:SIZ786459 SSN786458:SSV786459 TCJ786458:TCR786459 TMF786458:TMN786459 TWB786458:TWJ786459 UFX786458:UGF786459 UPT786458:UQB786459 UZP786458:UZX786459 VJL786458:VJT786459 VTH786458:VTP786459 WDD786458:WDL786459 WMZ786458:WNH786459 WWV786458:WXD786459 AN851994:AV851995 KJ851994:KR851995 UF851994:UN851995 AEB851994:AEJ851995 ANX851994:AOF851995 AXT851994:AYB851995 BHP851994:BHX851995 BRL851994:BRT851995 CBH851994:CBP851995 CLD851994:CLL851995 CUZ851994:CVH851995 DEV851994:DFD851995 DOR851994:DOZ851995 DYN851994:DYV851995 EIJ851994:EIR851995 ESF851994:ESN851995 FCB851994:FCJ851995 FLX851994:FMF851995 FVT851994:FWB851995 GFP851994:GFX851995 GPL851994:GPT851995 GZH851994:GZP851995 HJD851994:HJL851995 HSZ851994:HTH851995 ICV851994:IDD851995 IMR851994:IMZ851995 IWN851994:IWV851995 JGJ851994:JGR851995 JQF851994:JQN851995 KAB851994:KAJ851995 KJX851994:KKF851995 KTT851994:KUB851995 LDP851994:LDX851995 LNL851994:LNT851995 LXH851994:LXP851995 MHD851994:MHL851995 MQZ851994:MRH851995 NAV851994:NBD851995 NKR851994:NKZ851995 NUN851994:NUV851995 OEJ851994:OER851995 OOF851994:OON851995 OYB851994:OYJ851995 PHX851994:PIF851995 PRT851994:PSB851995 QBP851994:QBX851995 QLL851994:QLT851995 QVH851994:QVP851995 RFD851994:RFL851995 ROZ851994:RPH851995 RYV851994:RZD851995 SIR851994:SIZ851995 SSN851994:SSV851995 TCJ851994:TCR851995 TMF851994:TMN851995 TWB851994:TWJ851995 UFX851994:UGF851995 UPT851994:UQB851995 UZP851994:UZX851995 VJL851994:VJT851995 VTH851994:VTP851995 WDD851994:WDL851995 WMZ851994:WNH851995 WWV851994:WXD851995 AN917530:AV917531 KJ917530:KR917531 UF917530:UN917531 AEB917530:AEJ917531 ANX917530:AOF917531 AXT917530:AYB917531 BHP917530:BHX917531 BRL917530:BRT917531 CBH917530:CBP917531 CLD917530:CLL917531 CUZ917530:CVH917531 DEV917530:DFD917531 DOR917530:DOZ917531 DYN917530:DYV917531 EIJ917530:EIR917531 ESF917530:ESN917531 FCB917530:FCJ917531 FLX917530:FMF917531 FVT917530:FWB917531 GFP917530:GFX917531 GPL917530:GPT917531 GZH917530:GZP917531 HJD917530:HJL917531 HSZ917530:HTH917531 ICV917530:IDD917531 IMR917530:IMZ917531 IWN917530:IWV917531 JGJ917530:JGR917531 JQF917530:JQN917531 KAB917530:KAJ917531 KJX917530:KKF917531 KTT917530:KUB917531 LDP917530:LDX917531 LNL917530:LNT917531 LXH917530:LXP917531 MHD917530:MHL917531 MQZ917530:MRH917531 NAV917530:NBD917531 NKR917530:NKZ917531 NUN917530:NUV917531 OEJ917530:OER917531 OOF917530:OON917531 OYB917530:OYJ917531 PHX917530:PIF917531 PRT917530:PSB917531 QBP917530:QBX917531 QLL917530:QLT917531 QVH917530:QVP917531 RFD917530:RFL917531 ROZ917530:RPH917531 RYV917530:RZD917531 SIR917530:SIZ917531 SSN917530:SSV917531 TCJ917530:TCR917531 TMF917530:TMN917531 TWB917530:TWJ917531 UFX917530:UGF917531 UPT917530:UQB917531 UZP917530:UZX917531 VJL917530:VJT917531 VTH917530:VTP917531 WDD917530:WDL917531 WMZ917530:WNH917531 WWV917530:WXD917531 AN983066:AV983067 KJ983066:KR983067 UF983066:UN983067 AEB983066:AEJ983067 ANX983066:AOF983067 AXT983066:AYB983067 BHP983066:BHX983067 BRL983066:BRT983067 CBH983066:CBP983067 CLD983066:CLL983067 CUZ983066:CVH983067 DEV983066:DFD983067 DOR983066:DOZ983067 DYN983066:DYV983067 EIJ983066:EIR983067 ESF983066:ESN983067 FCB983066:FCJ983067 FLX983066:FMF983067 FVT983066:FWB983067 GFP983066:GFX983067 GPL983066:GPT983067 GZH983066:GZP983067 HJD983066:HJL983067 HSZ983066:HTH983067 ICV983066:IDD983067 IMR983066:IMZ983067 IWN983066:IWV983067 JGJ983066:JGR983067 JQF983066:JQN983067 KAB983066:KAJ983067 KJX983066:KKF983067 KTT983066:KUB983067 LDP983066:LDX983067 LNL983066:LNT983067 LXH983066:LXP983067 MHD983066:MHL983067 MQZ983066:MRH983067 NAV983066:NBD983067 NKR983066:NKZ983067 NUN983066:NUV983067 OEJ983066:OER983067 OOF983066:OON983067 OYB983066:OYJ983067 PHX983066:PIF983067 PRT983066:PSB983067 QBP983066:QBX983067 QLL983066:QLT983067 QVH983066:QVP983067 RFD983066:RFL983067 ROZ983066:RPH983067 RYV983066:RZD983067 SIR983066:SIZ983067 SSN983066:SSV983067 TCJ983066:TCR983067 TMF983066:TMN983067 TWB983066:TWJ983067 UFX983066:UGF983067 UPT983066:UQB983067 UZP983066:UZX983067 VJL983066:VJT983067 VTH983066:VTP983067 WDD983066:WDL983067 WMZ983066:WNH983067 WWV983066:WXD983067">
      <formula1>"3年度算定,3年度予算案,3年度予算"</formula1>
    </dataValidation>
  </dataValidation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4付属資料①</vt:lpstr>
      <vt:lpstr>様式4付属資料①!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0-12-17T08:14:56Z</dcterms:created>
  <dcterms:modified xsi:type="dcterms:W3CDTF">2020-12-17T08:15:01Z</dcterms:modified>
</cp:coreProperties>
</file>